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4"/>
  </p:sldMasterIdLst>
  <p:notesMasterIdLst>
    <p:notesMasterId r:id="rId28"/>
  </p:notesMasterIdLst>
  <p:handoutMasterIdLst>
    <p:handoutMasterId r:id="rId29"/>
  </p:handoutMasterIdLst>
  <p:sldIdLst>
    <p:sldId id="369" r:id="rId15"/>
    <p:sldId id="387" r:id="rId16"/>
    <p:sldId id="388" r:id="rId17"/>
    <p:sldId id="395" r:id="rId18"/>
    <p:sldId id="396" r:id="rId19"/>
    <p:sldId id="373" r:id="rId20"/>
    <p:sldId id="367" r:id="rId21"/>
    <p:sldId id="397" r:id="rId22"/>
    <p:sldId id="398" r:id="rId23"/>
    <p:sldId id="399" r:id="rId24"/>
    <p:sldId id="402" r:id="rId25"/>
    <p:sldId id="400" r:id="rId26"/>
    <p:sldId id="401" r:id="rId27"/>
  </p:sldIdLst>
  <p:sldSz cx="12195175" cy="6858000"/>
  <p:notesSz cx="6858000" cy="9144000"/>
  <p:embeddedFontLst>
    <p:embeddedFont>
      <p:font typeface="72 Brand" panose="020B0504030603020204" pitchFamily="34" charset="0"/>
      <p:regular r:id="rId30"/>
      <p:bold r:id="rId31"/>
      <p:italic r:id="rId32"/>
      <p:boldItalic r:id="rId33"/>
    </p:embeddedFont>
    <p:embeddedFont>
      <p:font typeface="72 Brand Medium" panose="020B0504030603020204" pitchFamily="34" charset="0"/>
      <p:regular r:id="rId34"/>
      <p:italic r:id="rId35"/>
    </p:embeddedFont>
    <p:embeddedFont>
      <p:font typeface="Arial Unicode MS" panose="020B0604020202020204" pitchFamily="34" charset="-128"/>
      <p:regular r:id="rId36"/>
    </p:embeddedFont>
    <p:embeddedFont>
      <p:font typeface="Roboto" panose="02000000000000000000" pitchFamily="2" charset="0"/>
      <p:regular r:id="rId37"/>
      <p:bold r:id="rId38"/>
      <p:italic r:id="rId39"/>
      <p:boldItalic r:id="rId40"/>
    </p:embeddedFont>
  </p:embeddedFontLst>
  <p:custDataLst>
    <p:tags r:id="rId41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E0A50927-1646-A552-0242-86E987914183}" name="Kumar, Praveen" initials="KP" userId="S::praveen.kumar05@sap.com::758ec0fa-8024-42ba-a397-cd45b6e532a2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2886"/>
    <a:srgbClr val="002885"/>
    <a:srgbClr val="0070F3"/>
    <a:srgbClr val="000086"/>
    <a:srgbClr val="8B8AF4"/>
    <a:srgbClr val="0076CD"/>
    <a:srgbClr val="000000"/>
    <a:srgbClr val="3D3BE8"/>
    <a:srgbClr val="947CFF"/>
    <a:srgbClr val="2E138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87B96A-7ECE-FC4F-9A33-918ABF12B773}" v="80" dt="2024-02-02T16:16:58.447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5266"/>
    <p:restoredTop sz="94800"/>
  </p:normalViewPr>
  <p:slideViewPr>
    <p:cSldViewPr snapToGrid="0">
      <p:cViewPr varScale="1">
        <p:scale>
          <a:sx n="212" d="100"/>
          <a:sy n="212" d="100"/>
        </p:scale>
        <p:origin x="1776" y="176"/>
      </p:cViewPr>
      <p:guideLst>
        <p:guide pos="3841"/>
        <p:guide orient="horz" pos="3317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9" Type="http://schemas.openxmlformats.org/officeDocument/2006/relationships/font" Target="fonts/font10.fntdata"/><Relationship Id="rId21" Type="http://schemas.openxmlformats.org/officeDocument/2006/relationships/slide" Target="slides/slide7.xml"/><Relationship Id="rId34" Type="http://schemas.openxmlformats.org/officeDocument/2006/relationships/font" Target="fonts/font5.fntdata"/><Relationship Id="rId42" Type="http://schemas.openxmlformats.org/officeDocument/2006/relationships/presProps" Target="presProps.xml"/><Relationship Id="rId47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font" Target="fonts/font3.fntdata"/><Relationship Id="rId37" Type="http://schemas.openxmlformats.org/officeDocument/2006/relationships/font" Target="fonts/font8.fntdata"/><Relationship Id="rId40" Type="http://schemas.openxmlformats.org/officeDocument/2006/relationships/font" Target="fonts/font11.fntdata"/><Relationship Id="rId45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notesMaster" Target="notesMasters/notesMaster1.xml"/><Relationship Id="rId36" Type="http://schemas.openxmlformats.org/officeDocument/2006/relationships/font" Target="fonts/font7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5.xml"/><Relationship Id="rId31" Type="http://schemas.openxmlformats.org/officeDocument/2006/relationships/font" Target="fonts/font2.fntdata"/><Relationship Id="rId4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font" Target="fonts/font1.fntdata"/><Relationship Id="rId35" Type="http://schemas.openxmlformats.org/officeDocument/2006/relationships/font" Target="fonts/font6.fntdata"/><Relationship Id="rId43" Type="http://schemas.openxmlformats.org/officeDocument/2006/relationships/viewProps" Target="viewProps.xml"/><Relationship Id="rId48" Type="http://schemas.microsoft.com/office/2018/10/relationships/authors" Target="author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font" Target="fonts/font4.fntdata"/><Relationship Id="rId38" Type="http://schemas.openxmlformats.org/officeDocument/2006/relationships/font" Target="fonts/font9.fntdata"/><Relationship Id="rId46" Type="http://schemas.microsoft.com/office/2016/11/relationships/changesInfo" Target="changesInfos/changesInfo1.xml"/><Relationship Id="rId20" Type="http://schemas.openxmlformats.org/officeDocument/2006/relationships/slide" Target="slides/slide6.xml"/><Relationship Id="rId41" Type="http://schemas.openxmlformats.org/officeDocument/2006/relationships/tags" Target="tags/tag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ilbert, Andre-Anan" userId="9702a563-eab5-4d2a-ab37-425108274ca8" providerId="ADAL" clId="{C687B96A-7ECE-FC4F-9A33-918ABF12B773}"/>
    <pc:docChg chg="undo custSel addSld delSld modSld sldOrd modMainMaster">
      <pc:chgData name="Gilbert, Andre-Anan" userId="9702a563-eab5-4d2a-ab37-425108274ca8" providerId="ADAL" clId="{C687B96A-7ECE-FC4F-9A33-918ABF12B773}" dt="2024-02-07T04:49:23.276" v="10325" actId="20577"/>
      <pc:docMkLst>
        <pc:docMk/>
      </pc:docMkLst>
      <pc:sldChg chg="add del">
        <pc:chgData name="Gilbert, Andre-Anan" userId="9702a563-eab5-4d2a-ab37-425108274ca8" providerId="ADAL" clId="{C687B96A-7ECE-FC4F-9A33-918ABF12B773}" dt="2023-12-19T10:37:00.386" v="9775" actId="2696"/>
        <pc:sldMkLst>
          <pc:docMk/>
          <pc:sldMk cId="470912828" sldId="256"/>
        </pc:sldMkLst>
      </pc:sldChg>
      <pc:sldChg chg="addSp delSp modSp add del mod modAnim">
        <pc:chgData name="Gilbert, Andre-Anan" userId="9702a563-eab5-4d2a-ab37-425108274ca8" providerId="ADAL" clId="{C687B96A-7ECE-FC4F-9A33-918ABF12B773}" dt="2023-11-13T13:21:19.064" v="4963" actId="2696"/>
        <pc:sldMkLst>
          <pc:docMk/>
          <pc:sldMk cId="2400972117" sldId="256"/>
        </pc:sldMkLst>
        <pc:spChg chg="add del mod">
          <ac:chgData name="Gilbert, Andre-Anan" userId="9702a563-eab5-4d2a-ab37-425108274ca8" providerId="ADAL" clId="{C687B96A-7ECE-FC4F-9A33-918ABF12B773}" dt="2023-11-10T12:58:34.492" v="1968" actId="931"/>
          <ac:spMkLst>
            <pc:docMk/>
            <pc:sldMk cId="2400972117" sldId="256"/>
            <ac:spMk id="4" creationId="{260E10D6-8629-7650-8B4E-5086A162070C}"/>
          </ac:spMkLst>
        </pc:spChg>
        <pc:spChg chg="add mod">
          <ac:chgData name="Gilbert, Andre-Anan" userId="9702a563-eab5-4d2a-ab37-425108274ca8" providerId="ADAL" clId="{C687B96A-7ECE-FC4F-9A33-918ABF12B773}" dt="2023-11-10T18:39:42.141" v="3411" actId="478"/>
          <ac:spMkLst>
            <pc:docMk/>
            <pc:sldMk cId="2400972117" sldId="256"/>
            <ac:spMk id="4" creationId="{27CED97C-D138-4CCE-537E-E8CACEC81CD7}"/>
          </ac:spMkLst>
        </pc:spChg>
        <pc:spChg chg="add del mod">
          <ac:chgData name="Gilbert, Andre-Anan" userId="9702a563-eab5-4d2a-ab37-425108274ca8" providerId="ADAL" clId="{C687B96A-7ECE-FC4F-9A33-918ABF12B773}" dt="2023-11-09T15:27:20.969" v="5"/>
          <ac:spMkLst>
            <pc:docMk/>
            <pc:sldMk cId="2400972117" sldId="256"/>
            <ac:spMk id="4" creationId="{B651203A-CC8D-F755-C2F2-FBA0C5DC25D6}"/>
          </ac:spMkLst>
        </pc:spChg>
        <pc:spChg chg="mod">
          <ac:chgData name="Gilbert, Andre-Anan" userId="9702a563-eab5-4d2a-ab37-425108274ca8" providerId="ADAL" clId="{C687B96A-7ECE-FC4F-9A33-918ABF12B773}" dt="2023-11-13T13:06:41.673" v="4776" actId="20577"/>
          <ac:spMkLst>
            <pc:docMk/>
            <pc:sldMk cId="2400972117" sldId="256"/>
            <ac:spMk id="6" creationId="{48F8245A-B376-1D49-9419-9D274E002EEF}"/>
          </ac:spMkLst>
        </pc:spChg>
        <pc:spChg chg="add del mod">
          <ac:chgData name="Gilbert, Andre-Anan" userId="9702a563-eab5-4d2a-ab37-425108274ca8" providerId="ADAL" clId="{C687B96A-7ECE-FC4F-9A33-918ABF12B773}" dt="2023-11-10T12:59:17.703" v="1970" actId="931"/>
          <ac:spMkLst>
            <pc:docMk/>
            <pc:sldMk cId="2400972117" sldId="256"/>
            <ac:spMk id="9" creationId="{29DB4E46-2D74-2397-8385-50D6C3987A1A}"/>
          </ac:spMkLst>
        </pc:spChg>
        <pc:spChg chg="add del mod">
          <ac:chgData name="Gilbert, Andre-Anan" userId="9702a563-eab5-4d2a-ab37-425108274ca8" providerId="ADAL" clId="{C687B96A-7ECE-FC4F-9A33-918ABF12B773}" dt="2023-11-09T15:27:32.015" v="9"/>
          <ac:spMkLst>
            <pc:docMk/>
            <pc:sldMk cId="2400972117" sldId="256"/>
            <ac:spMk id="10" creationId="{1CA7D913-CA91-1D4C-28AF-A4D46C663240}"/>
          </ac:spMkLst>
        </pc:spChg>
        <pc:spChg chg="add del mod">
          <ac:chgData name="Gilbert, Andre-Anan" userId="9702a563-eab5-4d2a-ab37-425108274ca8" providerId="ADAL" clId="{C687B96A-7ECE-FC4F-9A33-918ABF12B773}" dt="2023-11-10T12:59:43.304" v="1972" actId="931"/>
          <ac:spMkLst>
            <pc:docMk/>
            <pc:sldMk cId="2400972117" sldId="256"/>
            <ac:spMk id="13" creationId="{1465AEC6-F087-7925-A2FC-6819A584216E}"/>
          </ac:spMkLst>
        </pc:spChg>
        <pc:spChg chg="add del mod">
          <ac:chgData name="Gilbert, Andre-Anan" userId="9702a563-eab5-4d2a-ab37-425108274ca8" providerId="ADAL" clId="{C687B96A-7ECE-FC4F-9A33-918ABF12B773}" dt="2023-11-09T15:28:13.683" v="11"/>
          <ac:spMkLst>
            <pc:docMk/>
            <pc:sldMk cId="2400972117" sldId="256"/>
            <ac:spMk id="13" creationId="{DBFBCE40-C83C-648D-951A-1D01B959A067}"/>
          </ac:spMkLst>
        </pc:spChg>
        <pc:spChg chg="add del mod">
          <ac:chgData name="Gilbert, Andre-Anan" userId="9702a563-eab5-4d2a-ab37-425108274ca8" providerId="ADAL" clId="{C687B96A-7ECE-FC4F-9A33-918ABF12B773}" dt="2023-11-09T15:49:30.476" v="107" actId="931"/>
          <ac:spMkLst>
            <pc:docMk/>
            <pc:sldMk cId="2400972117" sldId="256"/>
            <ac:spMk id="16" creationId="{EA41E3D2-16DA-16A0-4707-C45AFBCB6D3F}"/>
          </ac:spMkLst>
        </pc:spChg>
        <pc:picChg chg="del">
          <ac:chgData name="Gilbert, Andre-Anan" userId="9702a563-eab5-4d2a-ab37-425108274ca8" providerId="ADAL" clId="{C687B96A-7ECE-FC4F-9A33-918ABF12B773}" dt="2023-11-09T15:25:37.985" v="4" actId="478"/>
          <ac:picMkLst>
            <pc:docMk/>
            <pc:sldMk cId="2400972117" sldId="256"/>
            <ac:picMk id="5" creationId="{5BDEA96C-77FF-BC52-25FA-4D0EAE6CD98B}"/>
          </ac:picMkLst>
        </pc:picChg>
        <pc:picChg chg="add del mod">
          <ac:chgData name="Gilbert, Andre-Anan" userId="9702a563-eab5-4d2a-ab37-425108274ca8" providerId="ADAL" clId="{C687B96A-7ECE-FC4F-9A33-918ABF12B773}" dt="2023-11-10T18:40:05.228" v="3414" actId="478"/>
          <ac:picMkLst>
            <pc:docMk/>
            <pc:sldMk cId="2400972117" sldId="256"/>
            <ac:picMk id="5" creationId="{D392B88E-2906-FDF0-F61E-9CE9643EE01C}"/>
          </ac:picMkLst>
        </pc:picChg>
        <pc:picChg chg="add del mod">
          <ac:chgData name="Gilbert, Andre-Anan" userId="9702a563-eab5-4d2a-ab37-425108274ca8" providerId="ADAL" clId="{C687B96A-7ECE-FC4F-9A33-918ABF12B773}" dt="2023-11-09T15:27:29.675" v="8" actId="478"/>
          <ac:picMkLst>
            <pc:docMk/>
            <pc:sldMk cId="2400972117" sldId="256"/>
            <ac:picMk id="7" creationId="{2504BD9E-EAFC-2F1A-90A4-64C7202BFF4E}"/>
          </ac:picMkLst>
        </pc:picChg>
        <pc:picChg chg="add mod">
          <ac:chgData name="Gilbert, Andre-Anan" userId="9702a563-eab5-4d2a-ab37-425108274ca8" providerId="ADAL" clId="{C687B96A-7ECE-FC4F-9A33-918ABF12B773}" dt="2023-11-10T18:40:35.581" v="3416" actId="14100"/>
          <ac:picMkLst>
            <pc:docMk/>
            <pc:sldMk cId="2400972117" sldId="256"/>
            <ac:picMk id="7" creationId="{D361CFB9-BD1C-EE84-87EC-AD030BC48875}"/>
          </ac:picMkLst>
        </pc:picChg>
        <pc:picChg chg="add del mod">
          <ac:chgData name="Gilbert, Andre-Anan" userId="9702a563-eab5-4d2a-ab37-425108274ca8" providerId="ADAL" clId="{C687B96A-7ECE-FC4F-9A33-918ABF12B773}" dt="2023-11-10T12:59:14.347" v="1969" actId="478"/>
          <ac:picMkLst>
            <pc:docMk/>
            <pc:sldMk cId="2400972117" sldId="256"/>
            <ac:picMk id="7" creationId="{D5015E7B-6F68-4CFC-58C6-6A42B772A958}"/>
          </ac:picMkLst>
        </pc:picChg>
        <pc:picChg chg="add del">
          <ac:chgData name="Gilbert, Andre-Anan" userId="9702a563-eab5-4d2a-ab37-425108274ca8" providerId="ADAL" clId="{C687B96A-7ECE-FC4F-9A33-918ABF12B773}" dt="2023-11-09T15:27:28.604" v="7" actId="478"/>
          <ac:picMkLst>
            <pc:docMk/>
            <pc:sldMk cId="2400972117" sldId="256"/>
            <ac:picMk id="8" creationId="{946B2B75-30BF-1AED-7544-0210E8495C38}"/>
          </ac:picMkLst>
        </pc:picChg>
        <pc:picChg chg="add del mod">
          <ac:chgData name="Gilbert, Andre-Anan" userId="9702a563-eab5-4d2a-ab37-425108274ca8" providerId="ADAL" clId="{C687B96A-7ECE-FC4F-9A33-918ABF12B773}" dt="2023-11-09T15:27:35.750" v="10" actId="478"/>
          <ac:picMkLst>
            <pc:docMk/>
            <pc:sldMk cId="2400972117" sldId="256"/>
            <ac:picMk id="11" creationId="{056D9EB5-18C6-D387-21BD-E95DB9566A78}"/>
          </ac:picMkLst>
        </pc:picChg>
        <pc:picChg chg="add del mod">
          <ac:chgData name="Gilbert, Andre-Anan" userId="9702a563-eab5-4d2a-ab37-425108274ca8" providerId="ADAL" clId="{C687B96A-7ECE-FC4F-9A33-918ABF12B773}" dt="2023-11-10T12:59:40.237" v="1971" actId="478"/>
          <ac:picMkLst>
            <pc:docMk/>
            <pc:sldMk cId="2400972117" sldId="256"/>
            <ac:picMk id="11" creationId="{082859E9-530D-A994-8477-FC9996FEA23F}"/>
          </ac:picMkLst>
        </pc:picChg>
        <pc:picChg chg="add del mod">
          <ac:chgData name="Gilbert, Andre-Anan" userId="9702a563-eab5-4d2a-ab37-425108274ca8" providerId="ADAL" clId="{C687B96A-7ECE-FC4F-9A33-918ABF12B773}" dt="2023-11-09T15:28:39.892" v="12" actId="478"/>
          <ac:picMkLst>
            <pc:docMk/>
            <pc:sldMk cId="2400972117" sldId="256"/>
            <ac:picMk id="14" creationId="{7E991BF9-8FE5-B7BE-5160-0D71FD679D63}"/>
          </ac:picMkLst>
        </pc:picChg>
        <pc:picChg chg="add del mod">
          <ac:chgData name="Gilbert, Andre-Anan" userId="9702a563-eab5-4d2a-ab37-425108274ca8" providerId="ADAL" clId="{C687B96A-7ECE-FC4F-9A33-918ABF12B773}" dt="2023-11-10T18:39:42.141" v="3411" actId="478"/>
          <ac:picMkLst>
            <pc:docMk/>
            <pc:sldMk cId="2400972117" sldId="256"/>
            <ac:picMk id="15" creationId="{11A420D1-A584-3C52-57D6-C91645D3D5A4}"/>
          </ac:picMkLst>
        </pc:picChg>
        <pc:picChg chg="add del mod">
          <ac:chgData name="Gilbert, Andre-Anan" userId="9702a563-eab5-4d2a-ab37-425108274ca8" providerId="ADAL" clId="{C687B96A-7ECE-FC4F-9A33-918ABF12B773}" dt="2023-11-09T15:28:44.313" v="14" actId="478"/>
          <ac:picMkLst>
            <pc:docMk/>
            <pc:sldMk cId="2400972117" sldId="256"/>
            <ac:picMk id="17" creationId="{557CD3AA-B9AF-CE77-9B66-EAA43C5B3B7E}"/>
          </ac:picMkLst>
        </pc:picChg>
        <pc:picChg chg="add del mod">
          <ac:chgData name="Gilbert, Andre-Anan" userId="9702a563-eab5-4d2a-ab37-425108274ca8" providerId="ADAL" clId="{C687B96A-7ECE-FC4F-9A33-918ABF12B773}" dt="2023-11-10T12:58:31.384" v="1967" actId="478"/>
          <ac:picMkLst>
            <pc:docMk/>
            <pc:sldMk cId="2400972117" sldId="256"/>
            <ac:picMk id="19" creationId="{67891693-63DD-B97A-4F83-5D8286A52B1F}"/>
          </ac:picMkLst>
        </pc:picChg>
      </pc:sldChg>
      <pc:sldChg chg="addSp delSp modSp del mod ord">
        <pc:chgData name="Gilbert, Andre-Anan" userId="9702a563-eab5-4d2a-ab37-425108274ca8" providerId="ADAL" clId="{C687B96A-7ECE-FC4F-9A33-918ABF12B773}" dt="2023-11-13T13:39:58.581" v="5405" actId="2696"/>
        <pc:sldMkLst>
          <pc:docMk/>
          <pc:sldMk cId="3602749482" sldId="364"/>
        </pc:sldMkLst>
        <pc:spChg chg="mod">
          <ac:chgData name="Gilbert, Andre-Anan" userId="9702a563-eab5-4d2a-ab37-425108274ca8" providerId="ADAL" clId="{C687B96A-7ECE-FC4F-9A33-918ABF12B773}" dt="2023-11-10T11:51:03.546" v="982" actId="15"/>
          <ac:spMkLst>
            <pc:docMk/>
            <pc:sldMk cId="3602749482" sldId="364"/>
            <ac:spMk id="2" creationId="{E38E81FA-BD36-D246-A0BA-94256E3D831A}"/>
          </ac:spMkLst>
        </pc:spChg>
        <pc:spChg chg="add del mod">
          <ac:chgData name="Gilbert, Andre-Anan" userId="9702a563-eab5-4d2a-ab37-425108274ca8" providerId="ADAL" clId="{C687B96A-7ECE-FC4F-9A33-918ABF12B773}" dt="2023-11-10T14:08:07.474" v="2476" actId="478"/>
          <ac:spMkLst>
            <pc:docMk/>
            <pc:sldMk cId="3602749482" sldId="364"/>
            <ac:spMk id="4" creationId="{A81F0DD2-BA5A-F02E-117F-A0D0AF1A04B3}"/>
          </ac:spMkLst>
        </pc:spChg>
        <pc:spChg chg="add del mod">
          <ac:chgData name="Gilbert, Andre-Anan" userId="9702a563-eab5-4d2a-ab37-425108274ca8" providerId="ADAL" clId="{C687B96A-7ECE-FC4F-9A33-918ABF12B773}" dt="2023-11-10T14:08:04.811" v="2475" actId="478"/>
          <ac:spMkLst>
            <pc:docMk/>
            <pc:sldMk cId="3602749482" sldId="364"/>
            <ac:spMk id="5" creationId="{0D96995A-658D-7737-E485-1C7301B04531}"/>
          </ac:spMkLst>
        </pc:spChg>
        <pc:spChg chg="add del mod">
          <ac:chgData name="Gilbert, Andre-Anan" userId="9702a563-eab5-4d2a-ab37-425108274ca8" providerId="ADAL" clId="{C687B96A-7ECE-FC4F-9A33-918ABF12B773}" dt="2023-11-10T14:00:06.684" v="2422" actId="478"/>
          <ac:spMkLst>
            <pc:docMk/>
            <pc:sldMk cId="3602749482" sldId="364"/>
            <ac:spMk id="6" creationId="{B5E3615F-04BC-40F5-F592-7405D80651FA}"/>
          </ac:spMkLst>
        </pc:spChg>
        <pc:spChg chg="mod">
          <ac:chgData name="Gilbert, Andre-Anan" userId="9702a563-eab5-4d2a-ab37-425108274ca8" providerId="ADAL" clId="{C687B96A-7ECE-FC4F-9A33-918ABF12B773}" dt="2023-11-10T14:08:15.088" v="2477" actId="207"/>
          <ac:spMkLst>
            <pc:docMk/>
            <pc:sldMk cId="3602749482" sldId="364"/>
            <ac:spMk id="24" creationId="{00000000-0000-0000-0000-000000000000}"/>
          </ac:spMkLst>
        </pc:spChg>
        <pc:picChg chg="add del mod">
          <ac:chgData name="Gilbert, Andre-Anan" userId="9702a563-eab5-4d2a-ab37-425108274ca8" providerId="ADAL" clId="{C687B96A-7ECE-FC4F-9A33-918ABF12B773}" dt="2023-11-10T14:08:01.772" v="2474" actId="478"/>
          <ac:picMkLst>
            <pc:docMk/>
            <pc:sldMk cId="3602749482" sldId="364"/>
            <ac:picMk id="3" creationId="{B38FFED1-5104-E5B9-4A20-95D4E5F8C0EE}"/>
          </ac:picMkLst>
        </pc:picChg>
      </pc:sldChg>
      <pc:sldChg chg="new del">
        <pc:chgData name="Gilbert, Andre-Anan" userId="9702a563-eab5-4d2a-ab37-425108274ca8" providerId="ADAL" clId="{C687B96A-7ECE-FC4F-9A33-918ABF12B773}" dt="2023-11-09T15:14:30.922" v="1" actId="2696"/>
        <pc:sldMkLst>
          <pc:docMk/>
          <pc:sldMk cId="917676147" sldId="365"/>
        </pc:sldMkLst>
      </pc:sldChg>
      <pc:sldChg chg="add del">
        <pc:chgData name="Gilbert, Andre-Anan" userId="9702a563-eab5-4d2a-ab37-425108274ca8" providerId="ADAL" clId="{C687B96A-7ECE-FC4F-9A33-918ABF12B773}" dt="2023-11-09T15:50:11.981" v="108" actId="2696"/>
        <pc:sldMkLst>
          <pc:docMk/>
          <pc:sldMk cId="1753663168" sldId="365"/>
        </pc:sldMkLst>
      </pc:sldChg>
      <pc:sldChg chg="add del">
        <pc:chgData name="Gilbert, Andre-Anan" userId="9702a563-eab5-4d2a-ab37-425108274ca8" providerId="ADAL" clId="{C687B96A-7ECE-FC4F-9A33-918ABF12B773}" dt="2023-11-09T15:47:23.070" v="24" actId="2696"/>
        <pc:sldMkLst>
          <pc:docMk/>
          <pc:sldMk cId="2190943094" sldId="366"/>
        </pc:sldMkLst>
      </pc:sldChg>
      <pc:sldChg chg="addSp delSp modSp new del mod">
        <pc:chgData name="Gilbert, Andre-Anan" userId="9702a563-eab5-4d2a-ab37-425108274ca8" providerId="ADAL" clId="{C687B96A-7ECE-FC4F-9A33-918ABF12B773}" dt="2023-11-09T15:46:10.543" v="19" actId="2696"/>
        <pc:sldMkLst>
          <pc:docMk/>
          <pc:sldMk cId="3415037129" sldId="366"/>
        </pc:sldMkLst>
        <pc:spChg chg="add del mod">
          <ac:chgData name="Gilbert, Andre-Anan" userId="9702a563-eab5-4d2a-ab37-425108274ca8" providerId="ADAL" clId="{C687B96A-7ECE-FC4F-9A33-918ABF12B773}" dt="2023-11-09T15:46:10.012" v="18"/>
          <ac:spMkLst>
            <pc:docMk/>
            <pc:sldMk cId="3415037129" sldId="366"/>
            <ac:spMk id="3" creationId="{4038D2C2-20D5-10C6-2936-B725D09470E9}"/>
          </ac:spMkLst>
        </pc:spChg>
      </pc:sldChg>
      <pc:sldChg chg="addSp delSp modSp new mod modTransition">
        <pc:chgData name="Gilbert, Andre-Anan" userId="9702a563-eab5-4d2a-ab37-425108274ca8" providerId="ADAL" clId="{C687B96A-7ECE-FC4F-9A33-918ABF12B773}" dt="2024-02-02T16:05:43.018" v="10199" actId="1076"/>
        <pc:sldMkLst>
          <pc:docMk/>
          <pc:sldMk cId="1141283520" sldId="367"/>
        </pc:sldMkLst>
        <pc:spChg chg="mod">
          <ac:chgData name="Gilbert, Andre-Anan" userId="9702a563-eab5-4d2a-ab37-425108274ca8" providerId="ADAL" clId="{C687B96A-7ECE-FC4F-9A33-918ABF12B773}" dt="2023-11-10T14:32:26.897" v="2630" actId="20577"/>
          <ac:spMkLst>
            <pc:docMk/>
            <pc:sldMk cId="1141283520" sldId="367"/>
            <ac:spMk id="2" creationId="{2CC09055-45F2-931A-8632-CA9739BF936F}"/>
          </ac:spMkLst>
        </pc:spChg>
        <pc:spChg chg="mod">
          <ac:chgData name="Gilbert, Andre-Anan" userId="9702a563-eab5-4d2a-ab37-425108274ca8" providerId="ADAL" clId="{C687B96A-7ECE-FC4F-9A33-918ABF12B773}" dt="2023-11-13T18:30:40.895" v="7227" actId="20577"/>
          <ac:spMkLst>
            <pc:docMk/>
            <pc:sldMk cId="1141283520" sldId="367"/>
            <ac:spMk id="3" creationId="{610DAC41-0A68-5119-378A-DCFA4DB0E6E6}"/>
          </ac:spMkLst>
        </pc:spChg>
        <pc:spChg chg="add del mod">
          <ac:chgData name="Gilbert, Andre-Anan" userId="9702a563-eab5-4d2a-ab37-425108274ca8" providerId="ADAL" clId="{C687B96A-7ECE-FC4F-9A33-918ABF12B773}" dt="2024-01-17T16:37:52.231" v="9896"/>
          <ac:spMkLst>
            <pc:docMk/>
            <pc:sldMk cId="1141283520" sldId="367"/>
            <ac:spMk id="4" creationId="{F0126F8A-B3BC-6D9F-7A74-298A124AF765}"/>
          </ac:spMkLst>
        </pc:spChg>
        <pc:spChg chg="add mod">
          <ac:chgData name="Gilbert, Andre-Anan" userId="9702a563-eab5-4d2a-ab37-425108274ca8" providerId="ADAL" clId="{C687B96A-7ECE-FC4F-9A33-918ABF12B773}" dt="2024-02-02T16:05:43.018" v="10199" actId="1076"/>
          <ac:spMkLst>
            <pc:docMk/>
            <pc:sldMk cId="1141283520" sldId="367"/>
            <ac:spMk id="5" creationId="{4096481D-955D-08E8-9F50-17B96BF3D4F9}"/>
          </ac:spMkLst>
        </pc:spChg>
        <pc:spChg chg="add mod">
          <ac:chgData name="Gilbert, Andre-Anan" userId="9702a563-eab5-4d2a-ab37-425108274ca8" providerId="ADAL" clId="{C687B96A-7ECE-FC4F-9A33-918ABF12B773}" dt="2024-01-17T16:51:48.701" v="9973" actId="1076"/>
          <ac:spMkLst>
            <pc:docMk/>
            <pc:sldMk cId="1141283520" sldId="367"/>
            <ac:spMk id="6" creationId="{C2FBC583-00C8-0BFD-EAC5-E6CF4C3622C7}"/>
          </ac:spMkLst>
        </pc:spChg>
      </pc:sldChg>
      <pc:sldChg chg="new del">
        <pc:chgData name="Gilbert, Andre-Anan" userId="9702a563-eab5-4d2a-ab37-425108274ca8" providerId="ADAL" clId="{C687B96A-7ECE-FC4F-9A33-918ABF12B773}" dt="2023-11-09T15:47:21.758" v="23" actId="2696"/>
        <pc:sldMkLst>
          <pc:docMk/>
          <pc:sldMk cId="654031738" sldId="368"/>
        </pc:sldMkLst>
      </pc:sldChg>
      <pc:sldChg chg="new del ord">
        <pc:chgData name="Gilbert, Andre-Anan" userId="9702a563-eab5-4d2a-ab37-425108274ca8" providerId="ADAL" clId="{C687B96A-7ECE-FC4F-9A33-918ABF12B773}" dt="2023-11-09T15:53:55.125" v="114" actId="2696"/>
        <pc:sldMkLst>
          <pc:docMk/>
          <pc:sldMk cId="3572187540" sldId="368"/>
        </pc:sldMkLst>
      </pc:sldChg>
      <pc:sldChg chg="addSp delSp modSp new mod modTransition modShow">
        <pc:chgData name="Gilbert, Andre-Anan" userId="9702a563-eab5-4d2a-ab37-425108274ca8" providerId="ADAL" clId="{C687B96A-7ECE-FC4F-9A33-918ABF12B773}" dt="2024-01-24T20:18:33.749" v="9997"/>
        <pc:sldMkLst>
          <pc:docMk/>
          <pc:sldMk cId="1762911905" sldId="369"/>
        </pc:sldMkLst>
        <pc:spChg chg="add del mod">
          <ac:chgData name="Gilbert, Andre-Anan" userId="9702a563-eab5-4d2a-ab37-425108274ca8" providerId="ADAL" clId="{C687B96A-7ECE-FC4F-9A33-918ABF12B773}" dt="2023-11-13T13:17:24.536" v="4951" actId="767"/>
          <ac:spMkLst>
            <pc:docMk/>
            <pc:sldMk cId="1762911905" sldId="369"/>
            <ac:spMk id="2" creationId="{027EB3DB-8F40-CC0E-D825-6FCC4451DE3C}"/>
          </ac:spMkLst>
        </pc:spChg>
        <pc:spChg chg="add del mod">
          <ac:chgData name="Gilbert, Andre-Anan" userId="9702a563-eab5-4d2a-ab37-425108274ca8" providerId="ADAL" clId="{C687B96A-7ECE-FC4F-9A33-918ABF12B773}" dt="2024-01-24T20:18:04.336" v="9987"/>
          <ac:spMkLst>
            <pc:docMk/>
            <pc:sldMk cId="1762911905" sldId="369"/>
            <ac:spMk id="2" creationId="{2C8879DD-BCC0-B7C2-668D-6E400D4FFB70}"/>
          </ac:spMkLst>
        </pc:spChg>
        <pc:spChg chg="del">
          <ac:chgData name="Gilbert, Andre-Anan" userId="9702a563-eab5-4d2a-ab37-425108274ca8" providerId="ADAL" clId="{C687B96A-7ECE-FC4F-9A33-918ABF12B773}" dt="2023-11-10T11:00:58.957" v="693" actId="931"/>
          <ac:spMkLst>
            <pc:docMk/>
            <pc:sldMk cId="1762911905" sldId="369"/>
            <ac:spMk id="2" creationId="{AF94D11E-C010-2FC2-199E-1FE7E9A70E0A}"/>
          </ac:spMkLst>
        </pc:spChg>
        <pc:spChg chg="add del mod">
          <ac:chgData name="Gilbert, Andre-Anan" userId="9702a563-eab5-4d2a-ab37-425108274ca8" providerId="ADAL" clId="{C687B96A-7ECE-FC4F-9A33-918ABF12B773}" dt="2024-01-17T16:37:43.833" v="9891"/>
          <ac:spMkLst>
            <pc:docMk/>
            <pc:sldMk cId="1762911905" sldId="369"/>
            <ac:spMk id="2" creationId="{ED9AE530-C9AB-8910-A92C-37A1204713C5}"/>
          </ac:spMkLst>
        </pc:spChg>
        <pc:spChg chg="mod">
          <ac:chgData name="Gilbert, Andre-Anan" userId="9702a563-eab5-4d2a-ab37-425108274ca8" providerId="ADAL" clId="{C687B96A-7ECE-FC4F-9A33-918ABF12B773}" dt="2024-01-24T20:18:33.749" v="9997"/>
          <ac:spMkLst>
            <pc:docMk/>
            <pc:sldMk cId="1762911905" sldId="369"/>
            <ac:spMk id="3" creationId="{E5002B10-34AA-E445-77A3-80FB43BBB56B}"/>
          </ac:spMkLst>
        </pc:spChg>
        <pc:spChg chg="add del mod">
          <ac:chgData name="Gilbert, Andre-Anan" userId="9702a563-eab5-4d2a-ab37-425108274ca8" providerId="ADAL" clId="{C687B96A-7ECE-FC4F-9A33-918ABF12B773}" dt="2024-01-17T16:37:44.740" v="9893"/>
          <ac:spMkLst>
            <pc:docMk/>
            <pc:sldMk cId="1762911905" sldId="369"/>
            <ac:spMk id="4" creationId="{3FC58DE0-15A1-093C-E892-0D4DB522A781}"/>
          </ac:spMkLst>
        </pc:spChg>
        <pc:spChg chg="add mod">
          <ac:chgData name="Gilbert, Andre-Anan" userId="9702a563-eab5-4d2a-ab37-425108274ca8" providerId="ADAL" clId="{C687B96A-7ECE-FC4F-9A33-918ABF12B773}" dt="2024-01-24T20:17:56.629" v="9979" actId="20577"/>
          <ac:spMkLst>
            <pc:docMk/>
            <pc:sldMk cId="1762911905" sldId="369"/>
            <ac:spMk id="5" creationId="{7CF11C94-F563-40B0-0384-A936B226A441}"/>
          </ac:spMkLst>
        </pc:spChg>
        <pc:spChg chg="add mod">
          <ac:chgData name="Gilbert, Andre-Anan" userId="9702a563-eab5-4d2a-ab37-425108274ca8" providerId="ADAL" clId="{C687B96A-7ECE-FC4F-9A33-918ABF12B773}" dt="2024-01-24T20:18:02.038" v="9985" actId="20577"/>
          <ac:spMkLst>
            <pc:docMk/>
            <pc:sldMk cId="1762911905" sldId="369"/>
            <ac:spMk id="6" creationId="{309C727D-6985-4DC5-D9ED-2F333A9AAB8F}"/>
          </ac:spMkLst>
        </pc:spChg>
        <pc:spChg chg="add del mod">
          <ac:chgData name="Gilbert, Andre-Anan" userId="9702a563-eab5-4d2a-ab37-425108274ca8" providerId="ADAL" clId="{C687B96A-7ECE-FC4F-9A33-918ABF12B773}" dt="2024-01-17T16:42:12.008" v="9901"/>
          <ac:spMkLst>
            <pc:docMk/>
            <pc:sldMk cId="1762911905" sldId="369"/>
            <ac:spMk id="7" creationId="{669E13C6-B6A5-5F48-D370-FC8884366E5C}"/>
          </ac:spMkLst>
        </pc:spChg>
        <pc:spChg chg="add del mod">
          <ac:chgData name="Gilbert, Andre-Anan" userId="9702a563-eab5-4d2a-ab37-425108274ca8" providerId="ADAL" clId="{C687B96A-7ECE-FC4F-9A33-918ABF12B773}" dt="2024-01-17T16:50:14.579" v="9966"/>
          <ac:spMkLst>
            <pc:docMk/>
            <pc:sldMk cId="1762911905" sldId="369"/>
            <ac:spMk id="8" creationId="{4819A3B1-CA1E-AC8A-294B-31E256BE4736}"/>
          </ac:spMkLst>
        </pc:spChg>
        <pc:spChg chg="add del mod">
          <ac:chgData name="Gilbert, Andre-Anan" userId="9702a563-eab5-4d2a-ab37-425108274ca8" providerId="ADAL" clId="{C687B96A-7ECE-FC4F-9A33-918ABF12B773}" dt="2023-11-10T11:01:05.809" v="695" actId="931"/>
          <ac:spMkLst>
            <pc:docMk/>
            <pc:sldMk cId="1762911905" sldId="369"/>
            <ac:spMk id="10" creationId="{D023357A-335F-440A-3A14-E5E5BA61B052}"/>
          </ac:spMkLst>
        </pc:spChg>
        <pc:spChg chg="add del mod">
          <ac:chgData name="Gilbert, Andre-Anan" userId="9702a563-eab5-4d2a-ab37-425108274ca8" providerId="ADAL" clId="{C687B96A-7ECE-FC4F-9A33-918ABF12B773}" dt="2023-11-10T11:01:15.361" v="697" actId="931"/>
          <ac:spMkLst>
            <pc:docMk/>
            <pc:sldMk cId="1762911905" sldId="369"/>
            <ac:spMk id="14" creationId="{A4641577-F509-4AD0-B51F-5CEC5C94B273}"/>
          </ac:spMkLst>
        </pc:spChg>
        <pc:picChg chg="add del mod">
          <ac:chgData name="Gilbert, Andre-Anan" userId="9702a563-eab5-4d2a-ab37-425108274ca8" providerId="ADAL" clId="{C687B96A-7ECE-FC4F-9A33-918ABF12B773}" dt="2023-11-13T18:31:07.652" v="7230" actId="478"/>
          <ac:picMkLst>
            <pc:docMk/>
            <pc:sldMk cId="1762911905" sldId="369"/>
            <ac:picMk id="2" creationId="{D356A47F-D259-5476-F04B-CC1C9269DEFB}"/>
          </ac:picMkLst>
        </pc:picChg>
        <pc:picChg chg="add del mod">
          <ac:chgData name="Gilbert, Andre-Anan" userId="9702a563-eab5-4d2a-ab37-425108274ca8" providerId="ADAL" clId="{C687B96A-7ECE-FC4F-9A33-918ABF12B773}" dt="2023-11-10T11:00:42.679" v="692" actId="478"/>
          <ac:picMkLst>
            <pc:docMk/>
            <pc:sldMk cId="1762911905" sldId="369"/>
            <ac:picMk id="4" creationId="{3170DD69-878F-6223-8994-033B49CD64DF}"/>
          </ac:picMkLst>
        </pc:picChg>
        <pc:picChg chg="add del mod">
          <ac:chgData name="Gilbert, Andre-Anan" userId="9702a563-eab5-4d2a-ab37-425108274ca8" providerId="ADAL" clId="{C687B96A-7ECE-FC4F-9A33-918ABF12B773}" dt="2023-11-10T11:01:02.623" v="694" actId="478"/>
          <ac:picMkLst>
            <pc:docMk/>
            <pc:sldMk cId="1762911905" sldId="369"/>
            <ac:picMk id="8" creationId="{D409F2BD-0C8E-5F23-E794-0AEBB164044F}"/>
          </ac:picMkLst>
        </pc:picChg>
        <pc:picChg chg="add del mod">
          <ac:chgData name="Gilbert, Andre-Anan" userId="9702a563-eab5-4d2a-ab37-425108274ca8" providerId="ADAL" clId="{C687B96A-7ECE-FC4F-9A33-918ABF12B773}" dt="2023-11-10T11:01:12.123" v="696" actId="478"/>
          <ac:picMkLst>
            <pc:docMk/>
            <pc:sldMk cId="1762911905" sldId="369"/>
            <ac:picMk id="12" creationId="{328E199A-5AFD-D06B-1F38-EA803D2A1637}"/>
          </ac:picMkLst>
        </pc:picChg>
        <pc:picChg chg="add mod">
          <ac:chgData name="Gilbert, Andre-Anan" userId="9702a563-eab5-4d2a-ab37-425108274ca8" providerId="ADAL" clId="{C687B96A-7ECE-FC4F-9A33-918ABF12B773}" dt="2023-11-10T11:01:15.361" v="697" actId="931"/>
          <ac:picMkLst>
            <pc:docMk/>
            <pc:sldMk cId="1762911905" sldId="369"/>
            <ac:picMk id="16" creationId="{F077CBE4-226A-85F1-C7B4-C024FDD4BA73}"/>
          </ac:picMkLst>
        </pc:picChg>
      </pc:sldChg>
      <pc:sldChg chg="add del">
        <pc:chgData name="Gilbert, Andre-Anan" userId="9702a563-eab5-4d2a-ab37-425108274ca8" providerId="ADAL" clId="{C687B96A-7ECE-FC4F-9A33-918ABF12B773}" dt="2023-11-09T15:57:08.539" v="184" actId="2696"/>
        <pc:sldMkLst>
          <pc:docMk/>
          <pc:sldMk cId="1163159590" sldId="370"/>
        </pc:sldMkLst>
      </pc:sldChg>
      <pc:sldChg chg="modSp add del mod">
        <pc:chgData name="Gilbert, Andre-Anan" userId="9702a563-eab5-4d2a-ab37-425108274ca8" providerId="ADAL" clId="{C687B96A-7ECE-FC4F-9A33-918ABF12B773}" dt="2023-11-13T14:11:42.026" v="5898" actId="2696"/>
        <pc:sldMkLst>
          <pc:docMk/>
          <pc:sldMk cId="3547073643" sldId="370"/>
        </pc:sldMkLst>
        <pc:spChg chg="mod">
          <ac:chgData name="Gilbert, Andre-Anan" userId="9702a563-eab5-4d2a-ab37-425108274ca8" providerId="ADAL" clId="{C687B96A-7ECE-FC4F-9A33-918ABF12B773}" dt="2023-11-09T16:01:53.478" v="285" actId="20577"/>
          <ac:spMkLst>
            <pc:docMk/>
            <pc:sldMk cId="3547073643" sldId="370"/>
            <ac:spMk id="24" creationId="{00000000-0000-0000-0000-000000000000}"/>
          </ac:spMkLst>
        </pc:spChg>
      </pc:sldChg>
      <pc:sldChg chg="addSp delSp modSp new mod modTransition setBg modShow modNotesTx">
        <pc:chgData name="Gilbert, Andre-Anan" userId="9702a563-eab5-4d2a-ab37-425108274ca8" providerId="ADAL" clId="{C687B96A-7ECE-FC4F-9A33-918ABF12B773}" dt="2024-01-24T20:19:40.070" v="10010" actId="729"/>
        <pc:sldMkLst>
          <pc:docMk/>
          <pc:sldMk cId="29014100" sldId="371"/>
        </pc:sldMkLst>
        <pc:spChg chg="mod">
          <ac:chgData name="Gilbert, Andre-Anan" userId="9702a563-eab5-4d2a-ab37-425108274ca8" providerId="ADAL" clId="{C687B96A-7ECE-FC4F-9A33-918ABF12B773}" dt="2024-01-09T14:55:43.278" v="9864" actId="20577"/>
          <ac:spMkLst>
            <pc:docMk/>
            <pc:sldMk cId="29014100" sldId="371"/>
            <ac:spMk id="2" creationId="{47E6157F-94DA-1488-7D97-3F18F4BD70BB}"/>
          </ac:spMkLst>
        </pc:spChg>
        <pc:spChg chg="add del mod">
          <ac:chgData name="Gilbert, Andre-Anan" userId="9702a563-eab5-4d2a-ab37-425108274ca8" providerId="ADAL" clId="{C687B96A-7ECE-FC4F-9A33-918ABF12B773}" dt="2023-11-10T18:51:21.538" v="3717"/>
          <ac:spMkLst>
            <pc:docMk/>
            <pc:sldMk cId="29014100" sldId="371"/>
            <ac:spMk id="3" creationId="{B4FE9CE0-0695-C1F9-E51A-4910AAB26BD3}"/>
          </ac:spMkLst>
        </pc:spChg>
        <pc:spChg chg="add del">
          <ac:chgData name="Gilbert, Andre-Anan" userId="9702a563-eab5-4d2a-ab37-425108274ca8" providerId="ADAL" clId="{C687B96A-7ECE-FC4F-9A33-918ABF12B773}" dt="2023-11-10T11:33:40.902" v="849" actId="931"/>
          <ac:spMkLst>
            <pc:docMk/>
            <pc:sldMk cId="29014100" sldId="371"/>
            <ac:spMk id="3" creationId="{C81E0F21-D87A-4240-5792-8E59F559D939}"/>
          </ac:spMkLst>
        </pc:spChg>
        <pc:spChg chg="mod">
          <ac:chgData name="Gilbert, Andre-Anan" userId="9702a563-eab5-4d2a-ab37-425108274ca8" providerId="ADAL" clId="{C687B96A-7ECE-FC4F-9A33-918ABF12B773}" dt="2024-01-09T14:55:41.473" v="9862" actId="20577"/>
          <ac:spMkLst>
            <pc:docMk/>
            <pc:sldMk cId="29014100" sldId="371"/>
            <ac:spMk id="4" creationId="{06718F8C-D27D-7689-6E3D-340B4BC3A843}"/>
          </ac:spMkLst>
        </pc:spChg>
        <pc:spChg chg="add del">
          <ac:chgData name="Gilbert, Andre-Anan" userId="9702a563-eab5-4d2a-ab37-425108274ca8" providerId="ADAL" clId="{C687B96A-7ECE-FC4F-9A33-918ABF12B773}" dt="2023-11-10T11:38:26.297" v="853" actId="931"/>
          <ac:spMkLst>
            <pc:docMk/>
            <pc:sldMk cId="29014100" sldId="371"/>
            <ac:spMk id="5" creationId="{2E1AEF8A-D554-6596-99EF-E257D206FB23}"/>
          </ac:spMkLst>
        </pc:spChg>
        <pc:spChg chg="mod">
          <ac:chgData name="Gilbert, Andre-Anan" userId="9702a563-eab5-4d2a-ab37-425108274ca8" providerId="ADAL" clId="{C687B96A-7ECE-FC4F-9A33-918ABF12B773}" dt="2024-01-09T14:55:39.673" v="9860" actId="20577"/>
          <ac:spMkLst>
            <pc:docMk/>
            <pc:sldMk cId="29014100" sldId="371"/>
            <ac:spMk id="6" creationId="{5D85E681-0A05-4598-49DE-F5D9128196C8}"/>
          </ac:spMkLst>
        </pc:spChg>
        <pc:spChg chg="add del">
          <ac:chgData name="Gilbert, Andre-Anan" userId="9702a563-eab5-4d2a-ab37-425108274ca8" providerId="ADAL" clId="{C687B96A-7ECE-FC4F-9A33-918ABF12B773}" dt="2023-11-10T11:10:18.895" v="708" actId="931"/>
          <ac:spMkLst>
            <pc:docMk/>
            <pc:sldMk cId="29014100" sldId="371"/>
            <ac:spMk id="7" creationId="{D73FC74E-3323-2740-B228-AF1CA2662669}"/>
          </ac:spMkLst>
        </pc:spChg>
        <pc:spChg chg="mod">
          <ac:chgData name="Gilbert, Andre-Anan" userId="9702a563-eab5-4d2a-ab37-425108274ca8" providerId="ADAL" clId="{C687B96A-7ECE-FC4F-9A33-918ABF12B773}" dt="2024-01-09T14:55:37.464" v="9858" actId="20577"/>
          <ac:spMkLst>
            <pc:docMk/>
            <pc:sldMk cId="29014100" sldId="371"/>
            <ac:spMk id="8" creationId="{BC3A5F6C-C7E1-478B-E2F5-4075A884DB1A}"/>
          </ac:spMkLst>
        </pc:spChg>
        <pc:spChg chg="add del">
          <ac:chgData name="Gilbert, Andre-Anan" userId="9702a563-eab5-4d2a-ab37-425108274ca8" providerId="ADAL" clId="{C687B96A-7ECE-FC4F-9A33-918ABF12B773}" dt="2023-11-10T12:06:34.446" v="1164" actId="478"/>
          <ac:spMkLst>
            <pc:docMk/>
            <pc:sldMk cId="29014100" sldId="371"/>
            <ac:spMk id="10" creationId="{C2AB32F5-C4C9-9F51-790C-77E783756EE6}"/>
          </ac:spMkLst>
        </pc:spChg>
        <pc:spChg chg="add del">
          <ac:chgData name="Gilbert, Andre-Anan" userId="9702a563-eab5-4d2a-ab37-425108274ca8" providerId="ADAL" clId="{C687B96A-7ECE-FC4F-9A33-918ABF12B773}" dt="2023-11-09T16:25:22.789" v="305" actId="22"/>
          <ac:spMkLst>
            <pc:docMk/>
            <pc:sldMk cId="29014100" sldId="371"/>
            <ac:spMk id="12" creationId="{C9123870-5351-7D67-BAD5-351CE53CEBC6}"/>
          </ac:spMkLst>
        </pc:spChg>
        <pc:spChg chg="add del mod">
          <ac:chgData name="Gilbert, Andre-Anan" userId="9702a563-eab5-4d2a-ab37-425108274ca8" providerId="ADAL" clId="{C687B96A-7ECE-FC4F-9A33-918ABF12B773}" dt="2023-11-09T16:27:01.109" v="358"/>
          <ac:spMkLst>
            <pc:docMk/>
            <pc:sldMk cId="29014100" sldId="371"/>
            <ac:spMk id="15" creationId="{01ED9E5D-C5DA-6720-CB9C-96F36A43128D}"/>
          </ac:spMkLst>
        </pc:spChg>
        <pc:spChg chg="add del mod">
          <ac:chgData name="Gilbert, Andre-Anan" userId="9702a563-eab5-4d2a-ab37-425108274ca8" providerId="ADAL" clId="{C687B96A-7ECE-FC4F-9A33-918ABF12B773}" dt="2023-11-09T16:27:36.977" v="364" actId="47"/>
          <ac:spMkLst>
            <pc:docMk/>
            <pc:sldMk cId="29014100" sldId="371"/>
            <ac:spMk id="16" creationId="{94341603-862F-5214-028B-7AD26F0D239E}"/>
          </ac:spMkLst>
        </pc:spChg>
        <pc:spChg chg="add del mod">
          <ac:chgData name="Gilbert, Andre-Anan" userId="9702a563-eab5-4d2a-ab37-425108274ca8" providerId="ADAL" clId="{C687B96A-7ECE-FC4F-9A33-918ABF12B773}" dt="2023-11-09T16:28:36.983" v="376"/>
          <ac:spMkLst>
            <pc:docMk/>
            <pc:sldMk cId="29014100" sldId="371"/>
            <ac:spMk id="20" creationId="{C7049DDD-81D3-CA97-A21E-E03765ABA971}"/>
          </ac:spMkLst>
        </pc:spChg>
        <pc:spChg chg="add del mod">
          <ac:chgData name="Gilbert, Andre-Anan" userId="9702a563-eab5-4d2a-ab37-425108274ca8" providerId="ADAL" clId="{C687B96A-7ECE-FC4F-9A33-918ABF12B773}" dt="2023-11-10T12:33:30.285" v="1608" actId="478"/>
          <ac:spMkLst>
            <pc:docMk/>
            <pc:sldMk cId="29014100" sldId="371"/>
            <ac:spMk id="25" creationId="{846CB131-50D9-88E8-6402-6698908FAEB9}"/>
          </ac:spMkLst>
        </pc:spChg>
        <pc:picChg chg="add del mod">
          <ac:chgData name="Gilbert, Andre-Anan" userId="9702a563-eab5-4d2a-ab37-425108274ca8" providerId="ADAL" clId="{C687B96A-7ECE-FC4F-9A33-918ABF12B773}" dt="2023-11-10T13:01:55.131" v="1977"/>
          <ac:picMkLst>
            <pc:docMk/>
            <pc:sldMk cId="29014100" sldId="371"/>
            <ac:picMk id="3" creationId="{85ADF7A5-91AC-01FE-CD0E-AD1B73AC1403}"/>
          </ac:picMkLst>
        </pc:picChg>
        <pc:picChg chg="add del mod">
          <ac:chgData name="Gilbert, Andre-Anan" userId="9702a563-eab5-4d2a-ab37-425108274ca8" providerId="ADAL" clId="{C687B96A-7ECE-FC4F-9A33-918ABF12B773}" dt="2023-11-10T11:03:05.506" v="699" actId="931"/>
          <ac:picMkLst>
            <pc:docMk/>
            <pc:sldMk cId="29014100" sldId="371"/>
            <ac:picMk id="11" creationId="{B5668D95-6914-1464-6446-E5B3C0C16E37}"/>
          </ac:picMkLst>
        </pc:picChg>
        <pc:picChg chg="add del mod">
          <ac:chgData name="Gilbert, Andre-Anan" userId="9702a563-eab5-4d2a-ab37-425108274ca8" providerId="ADAL" clId="{C687B96A-7ECE-FC4F-9A33-918ABF12B773}" dt="2023-11-10T11:03:44.125" v="702" actId="931"/>
          <ac:picMkLst>
            <pc:docMk/>
            <pc:sldMk cId="29014100" sldId="371"/>
            <ac:picMk id="13" creationId="{669481AF-0D31-E784-7721-7C6B2E69B9D1}"/>
          </ac:picMkLst>
        </pc:picChg>
        <pc:picChg chg="add del mod">
          <ac:chgData name="Gilbert, Andre-Anan" userId="9702a563-eab5-4d2a-ab37-425108274ca8" providerId="ADAL" clId="{C687B96A-7ECE-FC4F-9A33-918ABF12B773}" dt="2023-11-09T16:25:22.339" v="304" actId="931"/>
          <ac:picMkLst>
            <pc:docMk/>
            <pc:sldMk cId="29014100" sldId="371"/>
            <ac:picMk id="14" creationId="{1C0A9E03-CCA2-03D4-806D-AEE33B3EE665}"/>
          </ac:picMkLst>
        </pc:picChg>
        <pc:picChg chg="add mod">
          <ac:chgData name="Gilbert, Andre-Anan" userId="9702a563-eab5-4d2a-ab37-425108274ca8" providerId="ADAL" clId="{C687B96A-7ECE-FC4F-9A33-918ABF12B773}" dt="2023-11-23T08:22:11.485" v="8028" actId="14100"/>
          <ac:picMkLst>
            <pc:docMk/>
            <pc:sldMk cId="29014100" sldId="371"/>
            <ac:picMk id="15" creationId="{AAC61C50-F65B-CA69-915A-D188C49F2211}"/>
          </ac:picMkLst>
        </pc:picChg>
        <pc:picChg chg="add del mod">
          <ac:chgData name="Gilbert, Andre-Anan" userId="9702a563-eab5-4d2a-ab37-425108274ca8" providerId="ADAL" clId="{C687B96A-7ECE-FC4F-9A33-918ABF12B773}" dt="2023-11-09T16:27:36.492" v="363" actId="931"/>
          <ac:picMkLst>
            <pc:docMk/>
            <pc:sldMk cId="29014100" sldId="371"/>
            <ac:picMk id="18" creationId="{3C8442D6-B0AD-5E11-9E2A-EDD99AD46BB8}"/>
          </ac:picMkLst>
        </pc:picChg>
        <pc:picChg chg="add del mod">
          <ac:chgData name="Gilbert, Andre-Anan" userId="9702a563-eab5-4d2a-ab37-425108274ca8" providerId="ADAL" clId="{C687B96A-7ECE-FC4F-9A33-918ABF12B773}" dt="2023-11-10T11:33:35.461" v="848" actId="931"/>
          <ac:picMkLst>
            <pc:docMk/>
            <pc:sldMk cId="29014100" sldId="371"/>
            <ac:picMk id="18" creationId="{FE6A6127-0EB2-5490-E1D1-12CF9929AC21}"/>
          </ac:picMkLst>
        </pc:picChg>
        <pc:picChg chg="add del mod">
          <ac:chgData name="Gilbert, Andre-Anan" userId="9702a563-eab5-4d2a-ab37-425108274ca8" providerId="ADAL" clId="{C687B96A-7ECE-FC4F-9A33-918ABF12B773}" dt="2023-11-09T16:34:56.190" v="383" actId="478"/>
          <ac:picMkLst>
            <pc:docMk/>
            <pc:sldMk cId="29014100" sldId="371"/>
            <ac:picMk id="19" creationId="{75614C6F-5FEB-16FE-A0C2-B95C3B1384EE}"/>
          </ac:picMkLst>
        </pc:picChg>
        <pc:picChg chg="add del mod">
          <ac:chgData name="Gilbert, Andre-Anan" userId="9702a563-eab5-4d2a-ab37-425108274ca8" providerId="ADAL" clId="{C687B96A-7ECE-FC4F-9A33-918ABF12B773}" dt="2023-11-23T08:22:17.578" v="8030" actId="108"/>
          <ac:picMkLst>
            <pc:docMk/>
            <pc:sldMk cId="29014100" sldId="371"/>
            <ac:picMk id="20" creationId="{A00CDE82-47CF-A83A-4CAD-FAF422CF10A3}"/>
          </ac:picMkLst>
        </pc:picChg>
        <pc:picChg chg="add mod">
          <ac:chgData name="Gilbert, Andre-Anan" userId="9702a563-eab5-4d2a-ab37-425108274ca8" providerId="ADAL" clId="{C687B96A-7ECE-FC4F-9A33-918ABF12B773}" dt="2023-11-23T08:22:15.193" v="8029" actId="108"/>
          <ac:picMkLst>
            <pc:docMk/>
            <pc:sldMk cId="29014100" sldId="371"/>
            <ac:picMk id="22" creationId="{B81C852D-BF21-9465-54CD-FCE307239040}"/>
          </ac:picMkLst>
        </pc:picChg>
        <pc:picChg chg="add del mod">
          <ac:chgData name="Gilbert, Andre-Anan" userId="9702a563-eab5-4d2a-ab37-425108274ca8" providerId="ADAL" clId="{C687B96A-7ECE-FC4F-9A33-918ABF12B773}" dt="2023-11-10T12:33:32.029" v="1609" actId="478"/>
          <ac:picMkLst>
            <pc:docMk/>
            <pc:sldMk cId="29014100" sldId="371"/>
            <ac:picMk id="23" creationId="{AE1AEF6A-83F1-A584-BEF1-0D3820038376}"/>
          </ac:picMkLst>
        </pc:picChg>
        <pc:picChg chg="add del mod">
          <ac:chgData name="Gilbert, Andre-Anan" userId="9702a563-eab5-4d2a-ab37-425108274ca8" providerId="ADAL" clId="{C687B96A-7ECE-FC4F-9A33-918ABF12B773}" dt="2023-11-10T12:33:28.497" v="1605" actId="931"/>
          <ac:picMkLst>
            <pc:docMk/>
            <pc:sldMk cId="29014100" sldId="371"/>
            <ac:picMk id="27" creationId="{61C23FF2-7E83-7604-5744-51CABB73A799}"/>
          </ac:picMkLst>
        </pc:picChg>
      </pc:sldChg>
      <pc:sldChg chg="add del">
        <pc:chgData name="Gilbert, Andre-Anan" userId="9702a563-eab5-4d2a-ab37-425108274ca8" providerId="ADAL" clId="{C687B96A-7ECE-FC4F-9A33-918ABF12B773}" dt="2023-11-09T15:57:10.308" v="185" actId="2696"/>
        <pc:sldMkLst>
          <pc:docMk/>
          <pc:sldMk cId="3909952961" sldId="371"/>
        </pc:sldMkLst>
      </pc:sldChg>
      <pc:sldChg chg="addSp delSp modSp new del mod">
        <pc:chgData name="Gilbert, Andre-Anan" userId="9702a563-eab5-4d2a-ab37-425108274ca8" providerId="ADAL" clId="{C687B96A-7ECE-FC4F-9A33-918ABF12B773}" dt="2023-11-10T13:50:19.151" v="2355" actId="2696"/>
        <pc:sldMkLst>
          <pc:docMk/>
          <pc:sldMk cId="4023596910" sldId="372"/>
        </pc:sldMkLst>
        <pc:picChg chg="add del mod">
          <ac:chgData name="Gilbert, Andre-Anan" userId="9702a563-eab5-4d2a-ab37-425108274ca8" providerId="ADAL" clId="{C687B96A-7ECE-FC4F-9A33-918ABF12B773}" dt="2023-11-09T16:30:48.681" v="377" actId="478"/>
          <ac:picMkLst>
            <pc:docMk/>
            <pc:sldMk cId="4023596910" sldId="372"/>
            <ac:picMk id="3" creationId="{4C26A161-4DDB-E07B-83CC-CCA25D9ADD3F}"/>
          </ac:picMkLst>
        </pc:picChg>
        <pc:picChg chg="add del mod">
          <ac:chgData name="Gilbert, Andre-Anan" userId="9702a563-eab5-4d2a-ab37-425108274ca8" providerId="ADAL" clId="{C687B96A-7ECE-FC4F-9A33-918ABF12B773}" dt="2023-11-10T13:01:57.633" v="1978" actId="478"/>
          <ac:picMkLst>
            <pc:docMk/>
            <pc:sldMk cId="4023596910" sldId="372"/>
            <ac:picMk id="3" creationId="{FAD3A1E9-8C88-7D02-C024-4C7184210297}"/>
          </ac:picMkLst>
        </pc:picChg>
        <pc:picChg chg="add mod">
          <ac:chgData name="Gilbert, Andre-Anan" userId="9702a563-eab5-4d2a-ab37-425108274ca8" providerId="ADAL" clId="{C687B96A-7ECE-FC4F-9A33-918ABF12B773}" dt="2023-11-10T13:49:17.586" v="2351" actId="14100"/>
          <ac:picMkLst>
            <pc:docMk/>
            <pc:sldMk cId="4023596910" sldId="372"/>
            <ac:picMk id="5" creationId="{57603163-5405-53CC-1897-BD779506D806}"/>
          </ac:picMkLst>
        </pc:picChg>
      </pc:sldChg>
      <pc:sldChg chg="add del">
        <pc:chgData name="Gilbert, Andre-Anan" userId="9702a563-eab5-4d2a-ab37-425108274ca8" providerId="ADAL" clId="{C687B96A-7ECE-FC4F-9A33-918ABF12B773}" dt="2023-11-09T16:34:58.797" v="384" actId="2696"/>
        <pc:sldMkLst>
          <pc:docMk/>
          <pc:sldMk cId="1389965948" sldId="373"/>
        </pc:sldMkLst>
      </pc:sldChg>
      <pc:sldChg chg="add del mod modTransition modShow">
        <pc:chgData name="Gilbert, Andre-Anan" userId="9702a563-eab5-4d2a-ab37-425108274ca8" providerId="ADAL" clId="{C687B96A-7ECE-FC4F-9A33-918ABF12B773}" dt="2024-01-17T16:39:39.230" v="9898" actId="729"/>
        <pc:sldMkLst>
          <pc:docMk/>
          <pc:sldMk cId="4145380462" sldId="373"/>
        </pc:sldMkLst>
      </pc:sldChg>
      <pc:sldChg chg="add del">
        <pc:chgData name="Gilbert, Andre-Anan" userId="9702a563-eab5-4d2a-ab37-425108274ca8" providerId="ADAL" clId="{C687B96A-7ECE-FC4F-9A33-918ABF12B773}" dt="2023-11-09T16:35:34.619" v="387" actId="2696"/>
        <pc:sldMkLst>
          <pc:docMk/>
          <pc:sldMk cId="1508436105" sldId="374"/>
        </pc:sldMkLst>
      </pc:sldChg>
      <pc:sldChg chg="new del ord">
        <pc:chgData name="Gilbert, Andre-Anan" userId="9702a563-eab5-4d2a-ab37-425108274ca8" providerId="ADAL" clId="{C687B96A-7ECE-FC4F-9A33-918ABF12B773}" dt="2023-11-10T18:40:54.244" v="3417" actId="2696"/>
        <pc:sldMkLst>
          <pc:docMk/>
          <pc:sldMk cId="3100420397" sldId="374"/>
        </pc:sldMkLst>
      </pc:sldChg>
      <pc:sldChg chg="add del">
        <pc:chgData name="Gilbert, Andre-Anan" userId="9702a563-eab5-4d2a-ab37-425108274ca8" providerId="ADAL" clId="{C687B96A-7ECE-FC4F-9A33-918ABF12B773}" dt="2023-11-10T11:07:01.692" v="706" actId="2696"/>
        <pc:sldMkLst>
          <pc:docMk/>
          <pc:sldMk cId="1753663168" sldId="375"/>
        </pc:sldMkLst>
      </pc:sldChg>
      <pc:sldChg chg="addSp delSp modSp new del mod">
        <pc:chgData name="Gilbert, Andre-Anan" userId="9702a563-eab5-4d2a-ab37-425108274ca8" providerId="ADAL" clId="{C687B96A-7ECE-FC4F-9A33-918ABF12B773}" dt="2023-11-10T13:39:10.595" v="2347" actId="2696"/>
        <pc:sldMkLst>
          <pc:docMk/>
          <pc:sldMk cId="3663454364" sldId="375"/>
        </pc:sldMkLst>
        <pc:spChg chg="mod">
          <ac:chgData name="Gilbert, Andre-Anan" userId="9702a563-eab5-4d2a-ab37-425108274ca8" providerId="ADAL" clId="{C687B96A-7ECE-FC4F-9A33-918ABF12B773}" dt="2023-11-10T12:54:20.367" v="1931" actId="20577"/>
          <ac:spMkLst>
            <pc:docMk/>
            <pc:sldMk cId="3663454364" sldId="375"/>
            <ac:spMk id="2" creationId="{1AA43F8A-6B61-579A-DE4C-F1350A39BC93}"/>
          </ac:spMkLst>
        </pc:spChg>
        <pc:spChg chg="mod">
          <ac:chgData name="Gilbert, Andre-Anan" userId="9702a563-eab5-4d2a-ab37-425108274ca8" providerId="ADAL" clId="{C687B96A-7ECE-FC4F-9A33-918ABF12B773}" dt="2023-11-10T13:39:06.489" v="2346" actId="108"/>
          <ac:spMkLst>
            <pc:docMk/>
            <pc:sldMk cId="3663454364" sldId="375"/>
            <ac:spMk id="3" creationId="{5F30A844-E193-8040-035F-5236EBB2DE95}"/>
          </ac:spMkLst>
        </pc:spChg>
        <pc:spChg chg="mod">
          <ac:chgData name="Gilbert, Andre-Anan" userId="9702a563-eab5-4d2a-ab37-425108274ca8" providerId="ADAL" clId="{C687B96A-7ECE-FC4F-9A33-918ABF12B773}" dt="2023-11-10T12:47:27.520" v="1845" actId="20577"/>
          <ac:spMkLst>
            <pc:docMk/>
            <pc:sldMk cId="3663454364" sldId="375"/>
            <ac:spMk id="4" creationId="{5B198B67-9C9B-7FCE-0B10-336837D503E9}"/>
          </ac:spMkLst>
        </pc:spChg>
        <pc:spChg chg="add del">
          <ac:chgData name="Gilbert, Andre-Anan" userId="9702a563-eab5-4d2a-ab37-425108274ca8" providerId="ADAL" clId="{C687B96A-7ECE-FC4F-9A33-918ABF12B773}" dt="2023-11-10T12:56:25.028" v="1959" actId="478"/>
          <ac:spMkLst>
            <pc:docMk/>
            <pc:sldMk cId="3663454364" sldId="375"/>
            <ac:spMk id="6" creationId="{FA6E865A-3224-84D8-9B91-D7CFDD1B28CE}"/>
          </ac:spMkLst>
        </pc:spChg>
        <pc:spChg chg="add del">
          <ac:chgData name="Gilbert, Andre-Anan" userId="9702a563-eab5-4d2a-ab37-425108274ca8" providerId="ADAL" clId="{C687B96A-7ECE-FC4F-9A33-918ABF12B773}" dt="2023-11-10T12:56:27.474" v="1961" actId="22"/>
          <ac:spMkLst>
            <pc:docMk/>
            <pc:sldMk cId="3663454364" sldId="375"/>
            <ac:spMk id="8" creationId="{B45BE29F-0DB0-3768-9988-7EFE99F3F819}"/>
          </ac:spMkLst>
        </pc:spChg>
        <pc:picChg chg="add del mod">
          <ac:chgData name="Gilbert, Andre-Anan" userId="9702a563-eab5-4d2a-ab37-425108274ca8" providerId="ADAL" clId="{C687B96A-7ECE-FC4F-9A33-918ABF12B773}" dt="2023-11-10T12:57:28.759" v="1966" actId="931"/>
          <ac:picMkLst>
            <pc:docMk/>
            <pc:sldMk cId="3663454364" sldId="375"/>
            <ac:picMk id="10" creationId="{B62E6708-7E8D-CABF-4F16-D9995B3467F9}"/>
          </ac:picMkLst>
        </pc:picChg>
      </pc:sldChg>
      <pc:sldChg chg="addSp delSp modSp new del mod">
        <pc:chgData name="Gilbert, Andre-Anan" userId="9702a563-eab5-4d2a-ab37-425108274ca8" providerId="ADAL" clId="{C687B96A-7ECE-FC4F-9A33-918ABF12B773}" dt="2023-11-10T11:56:04.825" v="1066" actId="2696"/>
        <pc:sldMkLst>
          <pc:docMk/>
          <pc:sldMk cId="4205395613" sldId="375"/>
        </pc:sldMkLst>
        <pc:spChg chg="mod">
          <ac:chgData name="Gilbert, Andre-Anan" userId="9702a563-eab5-4d2a-ab37-425108274ca8" providerId="ADAL" clId="{C687B96A-7ECE-FC4F-9A33-918ABF12B773}" dt="2023-11-10T11:56:01.182" v="1065" actId="20577"/>
          <ac:spMkLst>
            <pc:docMk/>
            <pc:sldMk cId="4205395613" sldId="375"/>
            <ac:spMk id="6" creationId="{6466FBEA-A209-A7BE-F111-7F72D46E1F4E}"/>
          </ac:spMkLst>
        </pc:spChg>
        <pc:picChg chg="add del mod">
          <ac:chgData name="Gilbert, Andre-Anan" userId="9702a563-eab5-4d2a-ab37-425108274ca8" providerId="ADAL" clId="{C687B96A-7ECE-FC4F-9A33-918ABF12B773}" dt="2023-11-10T11:55:38.333" v="1038"/>
          <ac:picMkLst>
            <pc:docMk/>
            <pc:sldMk cId="4205395613" sldId="375"/>
            <ac:picMk id="9" creationId="{B04721B5-1C6E-5DCA-A3BA-82BA4A8CA9FF}"/>
          </ac:picMkLst>
        </pc:picChg>
      </pc:sldChg>
      <pc:sldChg chg="add del">
        <pc:chgData name="Gilbert, Andre-Anan" userId="9702a563-eab5-4d2a-ab37-425108274ca8" providerId="ADAL" clId="{C687B96A-7ECE-FC4F-9A33-918ABF12B773}" dt="2023-11-10T12:50:15.517" v="1872" actId="2696"/>
        <pc:sldMkLst>
          <pc:docMk/>
          <pc:sldMk cId="1163159590" sldId="376"/>
        </pc:sldMkLst>
      </pc:sldChg>
      <pc:sldChg chg="addSp delSp modSp new mod modTransition modShow">
        <pc:chgData name="Gilbert, Andre-Anan" userId="9702a563-eab5-4d2a-ab37-425108274ca8" providerId="ADAL" clId="{C687B96A-7ECE-FC4F-9A33-918ABF12B773}" dt="2024-02-06T08:15:06.632" v="10274" actId="20577"/>
        <pc:sldMkLst>
          <pc:docMk/>
          <pc:sldMk cId="3464680748" sldId="376"/>
        </pc:sldMkLst>
        <pc:spChg chg="mod">
          <ac:chgData name="Gilbert, Andre-Anan" userId="9702a563-eab5-4d2a-ab37-425108274ca8" providerId="ADAL" clId="{C687B96A-7ECE-FC4F-9A33-918ABF12B773}" dt="2023-11-10T13:24:24.164" v="2274" actId="20577"/>
          <ac:spMkLst>
            <pc:docMk/>
            <pc:sldMk cId="3464680748" sldId="376"/>
            <ac:spMk id="2" creationId="{5769A2F1-0744-239B-C04B-F7437613A7EC}"/>
          </ac:spMkLst>
        </pc:spChg>
        <pc:spChg chg="add del">
          <ac:chgData name="Gilbert, Andre-Anan" userId="9702a563-eab5-4d2a-ab37-425108274ca8" providerId="ADAL" clId="{C687B96A-7ECE-FC4F-9A33-918ABF12B773}" dt="2023-11-10T13:31:38.570" v="2281" actId="931"/>
          <ac:spMkLst>
            <pc:docMk/>
            <pc:sldMk cId="3464680748" sldId="376"/>
            <ac:spMk id="3" creationId="{59AA1405-AFD5-6482-CF46-B39400B0DF92}"/>
          </ac:spMkLst>
        </pc:spChg>
        <pc:spChg chg="mod">
          <ac:chgData name="Gilbert, Andre-Anan" userId="9702a563-eab5-4d2a-ab37-425108274ca8" providerId="ADAL" clId="{C687B96A-7ECE-FC4F-9A33-918ABF12B773}" dt="2024-02-06T08:15:06.632" v="10274" actId="20577"/>
          <ac:spMkLst>
            <pc:docMk/>
            <pc:sldMk cId="3464680748" sldId="376"/>
            <ac:spMk id="4" creationId="{43EE613B-7D9D-B92D-D396-37262E8458AB}"/>
          </ac:spMkLst>
        </pc:spChg>
        <pc:spChg chg="del">
          <ac:chgData name="Gilbert, Andre-Anan" userId="9702a563-eab5-4d2a-ab37-425108274ca8" providerId="ADAL" clId="{C687B96A-7ECE-FC4F-9A33-918ABF12B773}" dt="2023-11-10T13:28:03.748" v="2275" actId="931"/>
          <ac:spMkLst>
            <pc:docMk/>
            <pc:sldMk cId="3464680748" sldId="376"/>
            <ac:spMk id="5" creationId="{3EF6DBA3-947D-8247-25E8-E72453981DDC}"/>
          </ac:spMkLst>
        </pc:spChg>
        <pc:spChg chg="mod">
          <ac:chgData name="Gilbert, Andre-Anan" userId="9702a563-eab5-4d2a-ab37-425108274ca8" providerId="ADAL" clId="{C687B96A-7ECE-FC4F-9A33-918ABF12B773}" dt="2024-01-09T14:55:25.690" v="9850" actId="20577"/>
          <ac:spMkLst>
            <pc:docMk/>
            <pc:sldMk cId="3464680748" sldId="376"/>
            <ac:spMk id="6" creationId="{58FC977E-9B32-AE9A-646E-14630C5F13A9}"/>
          </ac:spMkLst>
        </pc:spChg>
        <pc:spChg chg="add del mod">
          <ac:chgData name="Gilbert, Andre-Anan" userId="9702a563-eab5-4d2a-ab37-425108274ca8" providerId="ADAL" clId="{C687B96A-7ECE-FC4F-9A33-918ABF12B773}" dt="2023-11-13T15:51:18.536" v="7105" actId="931"/>
          <ac:spMkLst>
            <pc:docMk/>
            <pc:sldMk cId="3464680748" sldId="376"/>
            <ac:spMk id="10" creationId="{D0A5AA9D-046D-D196-1A56-E12448B3F953}"/>
          </ac:spMkLst>
        </pc:spChg>
        <pc:spChg chg="add del mod">
          <ac:chgData name="Gilbert, Andre-Anan" userId="9702a563-eab5-4d2a-ab37-425108274ca8" providerId="ADAL" clId="{C687B96A-7ECE-FC4F-9A33-918ABF12B773}" dt="2023-11-13T15:49:35.237" v="7093" actId="931"/>
          <ac:spMkLst>
            <pc:docMk/>
            <pc:sldMk cId="3464680748" sldId="376"/>
            <ac:spMk id="12" creationId="{3590F3D6-AA07-FC75-AC95-0336E979C705}"/>
          </ac:spMkLst>
        </pc:spChg>
        <pc:spChg chg="add del mod">
          <ac:chgData name="Gilbert, Andre-Anan" userId="9702a563-eab5-4d2a-ab37-425108274ca8" providerId="ADAL" clId="{C687B96A-7ECE-FC4F-9A33-918ABF12B773}" dt="2023-11-10T13:32:56.647" v="2284" actId="931"/>
          <ac:spMkLst>
            <pc:docMk/>
            <pc:sldMk cId="3464680748" sldId="376"/>
            <ac:spMk id="14" creationId="{F88A49BC-9D0B-9FC6-AB32-4A00AAF80940}"/>
          </ac:spMkLst>
        </pc:spChg>
        <pc:spChg chg="add del mod">
          <ac:chgData name="Gilbert, Andre-Anan" userId="9702a563-eab5-4d2a-ab37-425108274ca8" providerId="ADAL" clId="{C687B96A-7ECE-FC4F-9A33-918ABF12B773}" dt="2023-11-13T15:49:50.993" v="7097"/>
          <ac:spMkLst>
            <pc:docMk/>
            <pc:sldMk cId="3464680748" sldId="376"/>
            <ac:spMk id="15" creationId="{40FF4F4D-35A8-9991-3FDA-5BC03080C7C4}"/>
          </ac:spMkLst>
        </pc:spChg>
        <pc:spChg chg="add del mod">
          <ac:chgData name="Gilbert, Andre-Anan" userId="9702a563-eab5-4d2a-ab37-425108274ca8" providerId="ADAL" clId="{C687B96A-7ECE-FC4F-9A33-918ABF12B773}" dt="2023-11-10T13:33:50.697" v="2287" actId="931"/>
          <ac:spMkLst>
            <pc:docMk/>
            <pc:sldMk cId="3464680748" sldId="376"/>
            <ac:spMk id="18" creationId="{F9F2B62B-6B53-333B-5733-6561332F2C9D}"/>
          </ac:spMkLst>
        </pc:spChg>
        <pc:spChg chg="add del mod">
          <ac:chgData name="Gilbert, Andre-Anan" userId="9702a563-eab5-4d2a-ab37-425108274ca8" providerId="ADAL" clId="{C687B96A-7ECE-FC4F-9A33-918ABF12B773}" dt="2023-11-10T13:34:35.775" v="2290" actId="931"/>
          <ac:spMkLst>
            <pc:docMk/>
            <pc:sldMk cId="3464680748" sldId="376"/>
            <ac:spMk id="22" creationId="{31F21F44-BA10-5B67-77C8-2F07B81764E0}"/>
          </ac:spMkLst>
        </pc:spChg>
        <pc:spChg chg="add del mod">
          <ac:chgData name="Gilbert, Andre-Anan" userId="9702a563-eab5-4d2a-ab37-425108274ca8" providerId="ADAL" clId="{C687B96A-7ECE-FC4F-9A33-918ABF12B773}" dt="2023-11-10T13:46:57.501" v="2348" actId="931"/>
          <ac:spMkLst>
            <pc:docMk/>
            <pc:sldMk cId="3464680748" sldId="376"/>
            <ac:spMk id="26" creationId="{04094F22-4FC4-4195-7B4F-63D67D1FD337}"/>
          </ac:spMkLst>
        </pc:spChg>
        <pc:spChg chg="add del mod">
          <ac:chgData name="Gilbert, Andre-Anan" userId="9702a563-eab5-4d2a-ab37-425108274ca8" providerId="ADAL" clId="{C687B96A-7ECE-FC4F-9A33-918ABF12B773}" dt="2023-11-13T15:48:21.851" v="7089" actId="931"/>
          <ac:spMkLst>
            <pc:docMk/>
            <pc:sldMk cId="3464680748" sldId="376"/>
            <ac:spMk id="28" creationId="{C427E400-A7C4-AF00-1545-17AE09FF420B}"/>
          </ac:spMkLst>
        </pc:spChg>
        <pc:spChg chg="add del mod">
          <ac:chgData name="Gilbert, Andre-Anan" userId="9702a563-eab5-4d2a-ab37-425108274ca8" providerId="ADAL" clId="{C687B96A-7ECE-FC4F-9A33-918ABF12B773}" dt="2023-11-13T15:48:18.120" v="7088" actId="931"/>
          <ac:spMkLst>
            <pc:docMk/>
            <pc:sldMk cId="3464680748" sldId="376"/>
            <ac:spMk id="32" creationId="{A999476A-0CF4-CBBC-B4EB-D129C76F25A6}"/>
          </ac:spMkLst>
        </pc:spChg>
        <pc:picChg chg="add del mod">
          <ac:chgData name="Gilbert, Andre-Anan" userId="9702a563-eab5-4d2a-ab37-425108274ca8" providerId="ADAL" clId="{C687B96A-7ECE-FC4F-9A33-918ABF12B773}" dt="2023-11-13T15:49:13.063" v="7092" actId="478"/>
          <ac:picMkLst>
            <pc:docMk/>
            <pc:sldMk cId="3464680748" sldId="376"/>
            <ac:picMk id="5" creationId="{154345C9-5494-28A1-1062-6EFC8CC34544}"/>
          </ac:picMkLst>
        </pc:picChg>
        <pc:picChg chg="add del mod">
          <ac:chgData name="Gilbert, Andre-Anan" userId="9702a563-eab5-4d2a-ab37-425108274ca8" providerId="ADAL" clId="{C687B96A-7ECE-FC4F-9A33-918ABF12B773}" dt="2023-11-13T15:49:11.548" v="7091" actId="478"/>
          <ac:picMkLst>
            <pc:docMk/>
            <pc:sldMk cId="3464680748" sldId="376"/>
            <ac:picMk id="8" creationId="{2DABCABF-BBA4-66D2-C9D7-76811EE6C05A}"/>
          </ac:picMkLst>
        </pc:picChg>
        <pc:picChg chg="add del mod">
          <ac:chgData name="Gilbert, Andre-Anan" userId="9702a563-eab5-4d2a-ab37-425108274ca8" providerId="ADAL" clId="{C687B96A-7ECE-FC4F-9A33-918ABF12B773}" dt="2023-11-10T13:34:32.937" v="2289" actId="478"/>
          <ac:picMkLst>
            <pc:docMk/>
            <pc:sldMk cId="3464680748" sldId="376"/>
            <ac:picMk id="8" creationId="{4CE720C4-F6AE-D73B-17E7-407A414D8C3A}"/>
          </ac:picMkLst>
        </pc:picChg>
        <pc:picChg chg="add del mod">
          <ac:chgData name="Gilbert, Andre-Anan" userId="9702a563-eab5-4d2a-ab37-425108274ca8" providerId="ADAL" clId="{C687B96A-7ECE-FC4F-9A33-918ABF12B773}" dt="2023-11-10T13:30:41.386" v="2280" actId="931"/>
          <ac:picMkLst>
            <pc:docMk/>
            <pc:sldMk cId="3464680748" sldId="376"/>
            <ac:picMk id="10" creationId="{646B5933-48A0-0CF3-93E7-E21F5714BB6D}"/>
          </ac:picMkLst>
        </pc:picChg>
        <pc:picChg chg="add del mod">
          <ac:chgData name="Gilbert, Andre-Anan" userId="9702a563-eab5-4d2a-ab37-425108274ca8" providerId="ADAL" clId="{C687B96A-7ECE-FC4F-9A33-918ABF12B773}" dt="2023-11-10T13:32:53.411" v="2283" actId="478"/>
          <ac:picMkLst>
            <pc:docMk/>
            <pc:sldMk cId="3464680748" sldId="376"/>
            <ac:picMk id="12" creationId="{451028C4-50AA-DACB-5244-07A8BC380EB8}"/>
          </ac:picMkLst>
        </pc:picChg>
        <pc:picChg chg="add mod">
          <ac:chgData name="Gilbert, Andre-Anan" userId="9702a563-eab5-4d2a-ab37-425108274ca8" providerId="ADAL" clId="{C687B96A-7ECE-FC4F-9A33-918ABF12B773}" dt="2023-11-13T15:56:49.252" v="7115" actId="14100"/>
          <ac:picMkLst>
            <pc:docMk/>
            <pc:sldMk cId="3464680748" sldId="376"/>
            <ac:picMk id="14" creationId="{5731F8E6-F0B3-939B-B2DA-324DDBB5ED80}"/>
          </ac:picMkLst>
        </pc:picChg>
        <pc:picChg chg="add del mod">
          <ac:chgData name="Gilbert, Andre-Anan" userId="9702a563-eab5-4d2a-ab37-425108274ca8" providerId="ADAL" clId="{C687B96A-7ECE-FC4F-9A33-918ABF12B773}" dt="2023-11-10T13:33:47.598" v="2286" actId="478"/>
          <ac:picMkLst>
            <pc:docMk/>
            <pc:sldMk cId="3464680748" sldId="376"/>
            <ac:picMk id="16" creationId="{92E75953-737F-FBFD-D26D-2F4152958D86}"/>
          </ac:picMkLst>
        </pc:picChg>
        <pc:picChg chg="add mod">
          <ac:chgData name="Gilbert, Andre-Anan" userId="9702a563-eab5-4d2a-ab37-425108274ca8" providerId="ADAL" clId="{C687B96A-7ECE-FC4F-9A33-918ABF12B773}" dt="2023-11-13T15:56:52.407" v="7116" actId="108"/>
          <ac:picMkLst>
            <pc:docMk/>
            <pc:sldMk cId="3464680748" sldId="376"/>
            <ac:picMk id="17" creationId="{6DD0667C-256A-B3C1-FD3B-10CA6A37DC7A}"/>
          </ac:picMkLst>
        </pc:picChg>
        <pc:picChg chg="add del mod">
          <ac:chgData name="Gilbert, Andre-Anan" userId="9702a563-eab5-4d2a-ab37-425108274ca8" providerId="ADAL" clId="{C687B96A-7ECE-FC4F-9A33-918ABF12B773}" dt="2023-11-10T13:35:14.748" v="2293" actId="478"/>
          <ac:picMkLst>
            <pc:docMk/>
            <pc:sldMk cId="3464680748" sldId="376"/>
            <ac:picMk id="20" creationId="{745FF0E1-F77E-5AA2-659D-D646F1395176}"/>
          </ac:picMkLst>
        </pc:picChg>
        <pc:picChg chg="add del mod">
          <ac:chgData name="Gilbert, Andre-Anan" userId="9702a563-eab5-4d2a-ab37-425108274ca8" providerId="ADAL" clId="{C687B96A-7ECE-FC4F-9A33-918ABF12B773}" dt="2023-11-10T13:35:13.487" v="2292" actId="478"/>
          <ac:picMkLst>
            <pc:docMk/>
            <pc:sldMk cId="3464680748" sldId="376"/>
            <ac:picMk id="24" creationId="{8B5012A8-8518-235B-2048-E31ED58A38B5}"/>
          </ac:picMkLst>
        </pc:picChg>
        <pc:picChg chg="add del mod">
          <ac:chgData name="Gilbert, Andre-Anan" userId="9702a563-eab5-4d2a-ab37-425108274ca8" providerId="ADAL" clId="{C687B96A-7ECE-FC4F-9A33-918ABF12B773}" dt="2023-11-10T13:47:19.813" v="2349" actId="478"/>
          <ac:picMkLst>
            <pc:docMk/>
            <pc:sldMk cId="3464680748" sldId="376"/>
            <ac:picMk id="30" creationId="{23D2C933-0F1E-EFA2-D16B-B32B8C93B929}"/>
          </ac:picMkLst>
        </pc:picChg>
      </pc:sldChg>
      <pc:sldChg chg="addSp delSp modSp add del mod">
        <pc:chgData name="Gilbert, Andre-Anan" userId="9702a563-eab5-4d2a-ab37-425108274ca8" providerId="ADAL" clId="{C687B96A-7ECE-FC4F-9A33-918ABF12B773}" dt="2023-11-10T14:09:47.542" v="2482" actId="2696"/>
        <pc:sldMkLst>
          <pc:docMk/>
          <pc:sldMk cId="1508436105" sldId="377"/>
        </pc:sldMkLst>
        <pc:spChg chg="del">
          <ac:chgData name="Gilbert, Andre-Anan" userId="9702a563-eab5-4d2a-ab37-425108274ca8" providerId="ADAL" clId="{C687B96A-7ECE-FC4F-9A33-918ABF12B773}" dt="2023-11-10T14:09:25.369" v="2479" actId="478"/>
          <ac:spMkLst>
            <pc:docMk/>
            <pc:sldMk cId="1508436105" sldId="377"/>
            <ac:spMk id="5" creationId="{00000000-0000-0000-0000-000000000000}"/>
          </ac:spMkLst>
        </pc:spChg>
        <pc:spChg chg="add mod">
          <ac:chgData name="Gilbert, Andre-Anan" userId="9702a563-eab5-4d2a-ab37-425108274ca8" providerId="ADAL" clId="{C687B96A-7ECE-FC4F-9A33-918ABF12B773}" dt="2023-11-10T14:09:25.369" v="2479" actId="478"/>
          <ac:spMkLst>
            <pc:docMk/>
            <pc:sldMk cId="1508436105" sldId="377"/>
            <ac:spMk id="6" creationId="{7D9803E9-6219-2459-97CC-1427F4D2C653}"/>
          </ac:spMkLst>
        </pc:spChg>
        <pc:spChg chg="add del mod">
          <ac:chgData name="Gilbert, Andre-Anan" userId="9702a563-eab5-4d2a-ab37-425108274ca8" providerId="ADAL" clId="{C687B96A-7ECE-FC4F-9A33-918ABF12B773}" dt="2023-11-10T14:09:40.258" v="2481" actId="478"/>
          <ac:spMkLst>
            <pc:docMk/>
            <pc:sldMk cId="1508436105" sldId="377"/>
            <ac:spMk id="7" creationId="{92DB2484-8E7B-E777-4128-13CCC1CC664F}"/>
          </ac:spMkLst>
        </pc:spChg>
      </pc:sldChg>
      <pc:sldChg chg="addSp modSp new del mod">
        <pc:chgData name="Gilbert, Andre-Anan" userId="9702a563-eab5-4d2a-ab37-425108274ca8" providerId="ADAL" clId="{C687B96A-7ECE-FC4F-9A33-918ABF12B773}" dt="2023-11-10T14:16:50.179" v="2541" actId="2696"/>
        <pc:sldMkLst>
          <pc:docMk/>
          <pc:sldMk cId="2575020527" sldId="377"/>
        </pc:sldMkLst>
        <pc:spChg chg="mod">
          <ac:chgData name="Gilbert, Andre-Anan" userId="9702a563-eab5-4d2a-ab37-425108274ca8" providerId="ADAL" clId="{C687B96A-7ECE-FC4F-9A33-918ABF12B773}" dt="2023-11-10T14:10:37.009" v="2494" actId="20577"/>
          <ac:spMkLst>
            <pc:docMk/>
            <pc:sldMk cId="2575020527" sldId="377"/>
            <ac:spMk id="3" creationId="{03DCF6F7-0245-5ACC-7564-35EAC1C3D226}"/>
          </ac:spMkLst>
        </pc:spChg>
        <pc:graphicFrameChg chg="add mod">
          <ac:chgData name="Gilbert, Andre-Anan" userId="9702a563-eab5-4d2a-ab37-425108274ca8" providerId="ADAL" clId="{C687B96A-7ECE-FC4F-9A33-918ABF12B773}" dt="2023-11-10T14:16:07.473" v="2528" actId="12788"/>
          <ac:graphicFrameMkLst>
            <pc:docMk/>
            <pc:sldMk cId="2575020527" sldId="377"/>
            <ac:graphicFrameMk id="4" creationId="{46967572-AEE7-12FC-9DB6-4D09067A01A5}"/>
          </ac:graphicFrameMkLst>
        </pc:graphicFrameChg>
      </pc:sldChg>
      <pc:sldChg chg="addSp delSp modSp new del mod">
        <pc:chgData name="Gilbert, Andre-Anan" userId="9702a563-eab5-4d2a-ab37-425108274ca8" providerId="ADAL" clId="{C687B96A-7ECE-FC4F-9A33-918ABF12B773}" dt="2023-11-10T18:23:30.678" v="3128" actId="2696"/>
        <pc:sldMkLst>
          <pc:docMk/>
          <pc:sldMk cId="853976117" sldId="378"/>
        </pc:sldMkLst>
        <pc:spChg chg="mod">
          <ac:chgData name="Gilbert, Andre-Anan" userId="9702a563-eab5-4d2a-ab37-425108274ca8" providerId="ADAL" clId="{C687B96A-7ECE-FC4F-9A33-918ABF12B773}" dt="2023-11-10T14:18:24.940" v="2581" actId="207"/>
          <ac:spMkLst>
            <pc:docMk/>
            <pc:sldMk cId="853976117" sldId="378"/>
            <ac:spMk id="2" creationId="{103D4CBB-4EC9-4BA2-5362-1B1738E99D74}"/>
          </ac:spMkLst>
        </pc:spChg>
        <pc:spChg chg="add del mod">
          <ac:chgData name="Gilbert, Andre-Anan" userId="9702a563-eab5-4d2a-ab37-425108274ca8" providerId="ADAL" clId="{C687B96A-7ECE-FC4F-9A33-918ABF12B773}" dt="2023-11-10T14:19:36.311" v="2588" actId="478"/>
          <ac:spMkLst>
            <pc:docMk/>
            <pc:sldMk cId="853976117" sldId="378"/>
            <ac:spMk id="6" creationId="{5EADF678-8E6B-0A8F-6A2A-C5664CAE0364}"/>
          </ac:spMkLst>
        </pc:spChg>
        <pc:graphicFrameChg chg="add mod">
          <ac:chgData name="Gilbert, Andre-Anan" userId="9702a563-eab5-4d2a-ab37-425108274ca8" providerId="ADAL" clId="{C687B96A-7ECE-FC4F-9A33-918ABF12B773}" dt="2023-11-10T18:21:30.682" v="3118"/>
          <ac:graphicFrameMkLst>
            <pc:docMk/>
            <pc:sldMk cId="853976117" sldId="378"/>
            <ac:graphicFrameMk id="3" creationId="{EB561040-DB53-0353-01BA-23BD605E2C97}"/>
          </ac:graphicFrameMkLst>
        </pc:graphicFrameChg>
        <pc:picChg chg="add mod">
          <ac:chgData name="Gilbert, Andre-Anan" userId="9702a563-eab5-4d2a-ab37-425108274ca8" providerId="ADAL" clId="{C687B96A-7ECE-FC4F-9A33-918ABF12B773}" dt="2023-11-10T14:18:18.913" v="2580" actId="167"/>
          <ac:picMkLst>
            <pc:docMk/>
            <pc:sldMk cId="853976117" sldId="378"/>
            <ac:picMk id="5" creationId="{8423E8E7-EC67-C6A6-3C6B-3A219A77A754}"/>
          </ac:picMkLst>
        </pc:picChg>
      </pc:sldChg>
      <pc:sldChg chg="addSp modSp new del mod">
        <pc:chgData name="Gilbert, Andre-Anan" userId="9702a563-eab5-4d2a-ab37-425108274ca8" providerId="ADAL" clId="{C687B96A-7ECE-FC4F-9A33-918ABF12B773}" dt="2023-11-10T14:34:15.143" v="3061" actId="2696"/>
        <pc:sldMkLst>
          <pc:docMk/>
          <pc:sldMk cId="207796190" sldId="379"/>
        </pc:sldMkLst>
        <pc:graphicFrameChg chg="add mod">
          <ac:chgData name="Gilbert, Andre-Anan" userId="9702a563-eab5-4d2a-ab37-425108274ca8" providerId="ADAL" clId="{C687B96A-7ECE-FC4F-9A33-918ABF12B773}" dt="2023-11-10T14:34:12.761" v="3060"/>
          <ac:graphicFrameMkLst>
            <pc:docMk/>
            <pc:sldMk cId="207796190" sldId="379"/>
            <ac:graphicFrameMk id="4" creationId="{85B9DC2B-88D5-183E-8894-599A5D45A8D4}"/>
          </ac:graphicFrameMkLst>
        </pc:graphicFrameChg>
        <pc:picChg chg="add mod modCrop">
          <ac:chgData name="Gilbert, Andre-Anan" userId="9702a563-eab5-4d2a-ab37-425108274ca8" providerId="ADAL" clId="{C687B96A-7ECE-FC4F-9A33-918ABF12B773}" dt="2023-11-10T14:33:05.853" v="2636" actId="12788"/>
          <ac:picMkLst>
            <pc:docMk/>
            <pc:sldMk cId="207796190" sldId="379"/>
            <ac:picMk id="3" creationId="{C42D4D3F-9470-7E96-BC1F-EFE06BC736C4}"/>
          </ac:picMkLst>
        </pc:picChg>
      </pc:sldChg>
      <pc:sldChg chg="addSp delSp modSp new del mod">
        <pc:chgData name="Gilbert, Andre-Anan" userId="9702a563-eab5-4d2a-ab37-425108274ca8" providerId="ADAL" clId="{C687B96A-7ECE-FC4F-9A33-918ABF12B773}" dt="2023-11-10T14:36:27.417" v="3073" actId="2696"/>
        <pc:sldMkLst>
          <pc:docMk/>
          <pc:sldMk cId="2036777897" sldId="379"/>
        </pc:sldMkLst>
        <pc:spChg chg="mod">
          <ac:chgData name="Gilbert, Andre-Anan" userId="9702a563-eab5-4d2a-ab37-425108274ca8" providerId="ADAL" clId="{C687B96A-7ECE-FC4F-9A33-918ABF12B773}" dt="2023-11-10T14:36:24.842" v="3072"/>
          <ac:spMkLst>
            <pc:docMk/>
            <pc:sldMk cId="2036777897" sldId="379"/>
            <ac:spMk id="2" creationId="{179D6D83-0C19-A26F-FB32-21D3B9C40FFB}"/>
          </ac:spMkLst>
        </pc:spChg>
        <pc:graphicFrameChg chg="add del mod">
          <ac:chgData name="Gilbert, Andre-Anan" userId="9702a563-eab5-4d2a-ab37-425108274ca8" providerId="ADAL" clId="{C687B96A-7ECE-FC4F-9A33-918ABF12B773}" dt="2023-11-10T14:36:03.150" v="3065"/>
          <ac:graphicFrameMkLst>
            <pc:docMk/>
            <pc:sldMk cId="2036777897" sldId="379"/>
            <ac:graphicFrameMk id="3" creationId="{28EEEBF4-0E6E-C6CE-0D79-6FC077CDB6A3}"/>
          </ac:graphicFrameMkLst>
        </pc:graphicFrameChg>
        <pc:picChg chg="add del mod">
          <ac:chgData name="Gilbert, Andre-Anan" userId="9702a563-eab5-4d2a-ab37-425108274ca8" providerId="ADAL" clId="{C687B96A-7ECE-FC4F-9A33-918ABF12B773}" dt="2023-11-10T14:36:23.742" v="3071" actId="931"/>
          <ac:picMkLst>
            <pc:docMk/>
            <pc:sldMk cId="2036777897" sldId="379"/>
            <ac:picMk id="5" creationId="{3A708DD6-29F6-139D-CE79-BE8C7C9EE00D}"/>
          </ac:picMkLst>
        </pc:picChg>
      </pc:sldChg>
      <pc:sldChg chg="addSp delSp modSp new mod modTransition modShow">
        <pc:chgData name="Gilbert, Andre-Anan" userId="9702a563-eab5-4d2a-ab37-425108274ca8" providerId="ADAL" clId="{C687B96A-7ECE-FC4F-9A33-918ABF12B773}" dt="2024-02-02T16:05:31.024" v="10197" actId="729"/>
        <pc:sldMkLst>
          <pc:docMk/>
          <pc:sldMk cId="3159401229" sldId="379"/>
        </pc:sldMkLst>
        <pc:spChg chg="mod">
          <ac:chgData name="Gilbert, Andre-Anan" userId="9702a563-eab5-4d2a-ab37-425108274ca8" providerId="ADAL" clId="{C687B96A-7ECE-FC4F-9A33-918ABF12B773}" dt="2024-01-09T14:56:14.656" v="9882"/>
          <ac:spMkLst>
            <pc:docMk/>
            <pc:sldMk cId="3159401229" sldId="379"/>
            <ac:spMk id="3" creationId="{B7AA7813-D339-0B16-E85E-FD578FCA19D6}"/>
          </ac:spMkLst>
        </pc:spChg>
        <pc:graphicFrameChg chg="add del mod">
          <ac:chgData name="Gilbert, Andre-Anan" userId="9702a563-eab5-4d2a-ab37-425108274ca8" providerId="ADAL" clId="{C687B96A-7ECE-FC4F-9A33-918ABF12B773}" dt="2023-11-10T18:30:13.470" v="3206" actId="478"/>
          <ac:graphicFrameMkLst>
            <pc:docMk/>
            <pc:sldMk cId="3159401229" sldId="379"/>
            <ac:graphicFrameMk id="5" creationId="{129182AC-A4CA-070E-D83B-D88E0FE514F7}"/>
          </ac:graphicFrameMkLst>
        </pc:graphicFrameChg>
        <pc:graphicFrameChg chg="add mod">
          <ac:chgData name="Gilbert, Andre-Anan" userId="9702a563-eab5-4d2a-ab37-425108274ca8" providerId="ADAL" clId="{C687B96A-7ECE-FC4F-9A33-918ABF12B773}" dt="2023-12-18T20:33:00.910" v="9351" actId="20577"/>
          <ac:graphicFrameMkLst>
            <pc:docMk/>
            <pc:sldMk cId="3159401229" sldId="379"/>
            <ac:graphicFrameMk id="6" creationId="{FBD91BC2-01A0-5277-3377-6D16DB286532}"/>
          </ac:graphicFrameMkLst>
        </pc:graphicFrameChg>
        <pc:picChg chg="add mod">
          <ac:chgData name="Gilbert, Andre-Anan" userId="9702a563-eab5-4d2a-ab37-425108274ca8" providerId="ADAL" clId="{C687B96A-7ECE-FC4F-9A33-918ABF12B773}" dt="2023-11-13T13:32:27.815" v="5365" actId="1076"/>
          <ac:picMkLst>
            <pc:docMk/>
            <pc:sldMk cId="3159401229" sldId="379"/>
            <ac:picMk id="4" creationId="{C3EBB65D-5BB3-76C2-0B48-80C600662695}"/>
          </ac:picMkLst>
        </pc:picChg>
      </pc:sldChg>
      <pc:sldChg chg="addSp modSp add mod modTransition modShow">
        <pc:chgData name="Gilbert, Andre-Anan" userId="9702a563-eab5-4d2a-ab37-425108274ca8" providerId="ADAL" clId="{C687B96A-7ECE-FC4F-9A33-918ABF12B773}" dt="2024-02-02T16:05:27.653" v="10196" actId="729"/>
        <pc:sldMkLst>
          <pc:docMk/>
          <pc:sldMk cId="236911124" sldId="380"/>
        </pc:sldMkLst>
        <pc:spChg chg="mod">
          <ac:chgData name="Gilbert, Andre-Anan" userId="9702a563-eab5-4d2a-ab37-425108274ca8" providerId="ADAL" clId="{C687B96A-7ECE-FC4F-9A33-918ABF12B773}" dt="2024-01-09T14:56:19.955" v="9883"/>
          <ac:spMkLst>
            <pc:docMk/>
            <pc:sldMk cId="236911124" sldId="380"/>
            <ac:spMk id="3" creationId="{B7AA7813-D339-0B16-E85E-FD578FCA19D6}"/>
          </ac:spMkLst>
        </pc:spChg>
        <pc:graphicFrameChg chg="add mod">
          <ac:chgData name="Gilbert, Andre-Anan" userId="9702a563-eab5-4d2a-ab37-425108274ca8" providerId="ADAL" clId="{C687B96A-7ECE-FC4F-9A33-918ABF12B773}" dt="2023-12-18T20:33:08.024" v="9354" actId="20577"/>
          <ac:graphicFrameMkLst>
            <pc:docMk/>
            <pc:sldMk cId="236911124" sldId="380"/>
            <ac:graphicFrameMk id="5" creationId="{C6AF344B-620C-66DF-3DFC-AF84EC3D8656}"/>
          </ac:graphicFrameMkLst>
        </pc:graphicFrameChg>
        <pc:picChg chg="add mod">
          <ac:chgData name="Gilbert, Andre-Anan" userId="9702a563-eab5-4d2a-ab37-425108274ca8" providerId="ADAL" clId="{C687B96A-7ECE-FC4F-9A33-918ABF12B773}" dt="2023-11-10T18:22:36.244" v="3122" actId="167"/>
          <ac:picMkLst>
            <pc:docMk/>
            <pc:sldMk cId="236911124" sldId="380"/>
            <ac:picMk id="4" creationId="{91DDD182-544B-9F79-2973-D8DDD5396187}"/>
          </ac:picMkLst>
        </pc:picChg>
      </pc:sldChg>
      <pc:sldChg chg="modSp new del mod ord">
        <pc:chgData name="Gilbert, Andre-Anan" userId="9702a563-eab5-4d2a-ab37-425108274ca8" providerId="ADAL" clId="{C687B96A-7ECE-FC4F-9A33-918ABF12B773}" dt="2023-11-13T13:29:52.187" v="5256" actId="2696"/>
        <pc:sldMkLst>
          <pc:docMk/>
          <pc:sldMk cId="2636741221" sldId="381"/>
        </pc:sldMkLst>
        <pc:spChg chg="mod">
          <ac:chgData name="Gilbert, Andre-Anan" userId="9702a563-eab5-4d2a-ab37-425108274ca8" providerId="ADAL" clId="{C687B96A-7ECE-FC4F-9A33-918ABF12B773}" dt="2023-11-10T18:32:12.294" v="3388" actId="20577"/>
          <ac:spMkLst>
            <pc:docMk/>
            <pc:sldMk cId="2636741221" sldId="381"/>
            <ac:spMk id="2" creationId="{0DA2EC8D-CF29-7274-0C04-D503E159ABDF}"/>
          </ac:spMkLst>
        </pc:spChg>
      </pc:sldChg>
      <pc:sldChg chg="modSp add del mod">
        <pc:chgData name="Gilbert, Andre-Anan" userId="9702a563-eab5-4d2a-ab37-425108274ca8" providerId="ADAL" clId="{C687B96A-7ECE-FC4F-9A33-918ABF12B773}" dt="2023-11-13T13:23:16.792" v="4970" actId="2696"/>
        <pc:sldMkLst>
          <pc:docMk/>
          <pc:sldMk cId="1649831018" sldId="382"/>
        </pc:sldMkLst>
        <pc:spChg chg="mod">
          <ac:chgData name="Gilbert, Andre-Anan" userId="9702a563-eab5-4d2a-ab37-425108274ca8" providerId="ADAL" clId="{C687B96A-7ECE-FC4F-9A33-918ABF12B773}" dt="2023-11-10T18:37:20.110" v="3410" actId="20577"/>
          <ac:spMkLst>
            <pc:docMk/>
            <pc:sldMk cId="1649831018" sldId="382"/>
            <ac:spMk id="2" creationId="{0DA2EC8D-CF29-7274-0C04-D503E159ABDF}"/>
          </ac:spMkLst>
        </pc:spChg>
      </pc:sldChg>
      <pc:sldChg chg="addSp delSp modSp new mod modTransition modShow">
        <pc:chgData name="Gilbert, Andre-Anan" userId="9702a563-eab5-4d2a-ab37-425108274ca8" providerId="ADAL" clId="{C687B96A-7ECE-FC4F-9A33-918ABF12B773}" dt="2024-02-02T16:05:34.625" v="10198" actId="729"/>
        <pc:sldMkLst>
          <pc:docMk/>
          <pc:sldMk cId="3338010688" sldId="383"/>
        </pc:sldMkLst>
        <pc:spChg chg="mod">
          <ac:chgData name="Gilbert, Andre-Anan" userId="9702a563-eab5-4d2a-ab37-425108274ca8" providerId="ADAL" clId="{C687B96A-7ECE-FC4F-9A33-918ABF12B773}" dt="2024-01-09T14:56:06.160" v="9880" actId="20577"/>
          <ac:spMkLst>
            <pc:docMk/>
            <pc:sldMk cId="3338010688" sldId="383"/>
            <ac:spMk id="3" creationId="{863A5D25-F502-E047-3FC3-5BEC239AA13D}"/>
          </ac:spMkLst>
        </pc:spChg>
        <pc:graphicFrameChg chg="add mod">
          <ac:chgData name="Gilbert, Andre-Anan" userId="9702a563-eab5-4d2a-ab37-425108274ca8" providerId="ADAL" clId="{C687B96A-7ECE-FC4F-9A33-918ABF12B773}" dt="2023-12-18T20:32:53.321" v="9347" actId="20577"/>
          <ac:graphicFrameMkLst>
            <pc:docMk/>
            <pc:sldMk cId="3338010688" sldId="383"/>
            <ac:graphicFrameMk id="4" creationId="{82077F2D-D46F-8542-BDF4-4285E8723E6B}"/>
          </ac:graphicFrameMkLst>
        </pc:graphicFrameChg>
        <pc:picChg chg="add mod">
          <ac:chgData name="Gilbert, Andre-Anan" userId="9702a563-eab5-4d2a-ab37-425108274ca8" providerId="ADAL" clId="{C687B96A-7ECE-FC4F-9A33-918ABF12B773}" dt="2023-11-10T18:23:19.050" v="3126" actId="167"/>
          <ac:picMkLst>
            <pc:docMk/>
            <pc:sldMk cId="3338010688" sldId="383"/>
            <ac:picMk id="5" creationId="{DEA02F4E-E1A9-C61A-2083-83180B1069B5}"/>
          </ac:picMkLst>
        </pc:picChg>
        <pc:picChg chg="add del mod">
          <ac:chgData name="Gilbert, Andre-Anan" userId="9702a563-eab5-4d2a-ab37-425108274ca8" providerId="ADAL" clId="{C687B96A-7ECE-FC4F-9A33-918ABF12B773}" dt="2023-11-13T16:01:08.202" v="7125" actId="478"/>
          <ac:picMkLst>
            <pc:docMk/>
            <pc:sldMk cId="3338010688" sldId="383"/>
            <ac:picMk id="6" creationId="{C6B68168-9283-D1D6-47D3-1531D1C5A1FF}"/>
          </ac:picMkLst>
        </pc:picChg>
        <pc:picChg chg="add del mod">
          <ac:chgData name="Gilbert, Andre-Anan" userId="9702a563-eab5-4d2a-ab37-425108274ca8" providerId="ADAL" clId="{C687B96A-7ECE-FC4F-9A33-918ABF12B773}" dt="2023-11-13T14:41:02.337" v="6052" actId="478"/>
          <ac:picMkLst>
            <pc:docMk/>
            <pc:sldMk cId="3338010688" sldId="383"/>
            <ac:picMk id="7" creationId="{A585A9E4-B148-5838-BEFB-4E9CF8D5FD50}"/>
          </ac:picMkLst>
        </pc:picChg>
      </pc:sldChg>
      <pc:sldChg chg="addSp delSp modSp new mod ord modTransition modShow">
        <pc:chgData name="Gilbert, Andre-Anan" userId="9702a563-eab5-4d2a-ab37-425108274ca8" providerId="ADAL" clId="{C687B96A-7ECE-FC4F-9A33-918ABF12B773}" dt="2024-01-24T20:19:46.592" v="10012" actId="729"/>
        <pc:sldMkLst>
          <pc:docMk/>
          <pc:sldMk cId="387456212" sldId="384"/>
        </pc:sldMkLst>
        <pc:spChg chg="del">
          <ac:chgData name="Gilbert, Andre-Anan" userId="9702a563-eab5-4d2a-ab37-425108274ca8" providerId="ADAL" clId="{C687B96A-7ECE-FC4F-9A33-918ABF12B773}" dt="2023-11-13T12:11:28.125" v="3804" actId="931"/>
          <ac:spMkLst>
            <pc:docMk/>
            <pc:sldMk cId="387456212" sldId="384"/>
            <ac:spMk id="2" creationId="{BD61F6A8-2D00-C02B-5592-86BEE1B0C7B6}"/>
          </ac:spMkLst>
        </pc:spChg>
        <pc:spChg chg="mod">
          <ac:chgData name="Gilbert, Andre-Anan" userId="9702a563-eab5-4d2a-ab37-425108274ca8" providerId="ADAL" clId="{C687B96A-7ECE-FC4F-9A33-918ABF12B773}" dt="2024-01-09T14:55:56.112" v="9874" actId="20577"/>
          <ac:spMkLst>
            <pc:docMk/>
            <pc:sldMk cId="387456212" sldId="384"/>
            <ac:spMk id="3" creationId="{E684610E-080E-6810-D9B8-B627B9121F80}"/>
          </ac:spMkLst>
        </pc:spChg>
        <pc:spChg chg="mod">
          <ac:chgData name="Gilbert, Andre-Anan" userId="9702a563-eab5-4d2a-ab37-425108274ca8" providerId="ADAL" clId="{C687B96A-7ECE-FC4F-9A33-918ABF12B773}" dt="2024-01-09T14:55:50.971" v="9872" actId="20577"/>
          <ac:spMkLst>
            <pc:docMk/>
            <pc:sldMk cId="387456212" sldId="384"/>
            <ac:spMk id="4" creationId="{7BB98996-A7CB-2089-27C5-C2B1760FABC3}"/>
          </ac:spMkLst>
        </pc:spChg>
        <pc:spChg chg="add del mod">
          <ac:chgData name="Gilbert, Andre-Anan" userId="9702a563-eab5-4d2a-ab37-425108274ca8" providerId="ADAL" clId="{C687B96A-7ECE-FC4F-9A33-918ABF12B773}" dt="2023-11-13T12:13:01.194" v="3812" actId="931"/>
          <ac:spMkLst>
            <pc:docMk/>
            <pc:sldMk cId="387456212" sldId="384"/>
            <ac:spMk id="8" creationId="{14F5E4F8-E2C5-ED6E-8AAC-680F806A91AF}"/>
          </ac:spMkLst>
        </pc:spChg>
        <pc:spChg chg="add del mod">
          <ac:chgData name="Gilbert, Andre-Anan" userId="9702a563-eab5-4d2a-ab37-425108274ca8" providerId="ADAL" clId="{C687B96A-7ECE-FC4F-9A33-918ABF12B773}" dt="2023-11-13T12:16:37.993" v="3825" actId="931"/>
          <ac:spMkLst>
            <pc:docMk/>
            <pc:sldMk cId="387456212" sldId="384"/>
            <ac:spMk id="12" creationId="{20111A4B-88A0-3509-9509-E5F5FFAFCC96}"/>
          </ac:spMkLst>
        </pc:spChg>
        <pc:spChg chg="add del mod">
          <ac:chgData name="Gilbert, Andre-Anan" userId="9702a563-eab5-4d2a-ab37-425108274ca8" providerId="ADAL" clId="{C687B96A-7ECE-FC4F-9A33-918ABF12B773}" dt="2023-11-13T12:18:49.074" v="3843" actId="931"/>
          <ac:spMkLst>
            <pc:docMk/>
            <pc:sldMk cId="387456212" sldId="384"/>
            <ac:spMk id="16" creationId="{17E9DFC5-923F-D91C-80E6-FA3115108BAC}"/>
          </ac:spMkLst>
        </pc:spChg>
        <pc:picChg chg="add del mod">
          <ac:chgData name="Gilbert, Andre-Anan" userId="9702a563-eab5-4d2a-ab37-425108274ca8" providerId="ADAL" clId="{C687B96A-7ECE-FC4F-9A33-918ABF12B773}" dt="2023-11-13T12:12:42.059" v="3810" actId="478"/>
          <ac:picMkLst>
            <pc:docMk/>
            <pc:sldMk cId="387456212" sldId="384"/>
            <ac:picMk id="6" creationId="{50536C14-1BDD-0E78-3DE2-458FF4173E54}"/>
          </ac:picMkLst>
        </pc:picChg>
        <pc:picChg chg="add del mod modCrop">
          <ac:chgData name="Gilbert, Andre-Anan" userId="9702a563-eab5-4d2a-ab37-425108274ca8" providerId="ADAL" clId="{C687B96A-7ECE-FC4F-9A33-918ABF12B773}" dt="2023-11-13T12:15:24.151" v="3822" actId="478"/>
          <ac:picMkLst>
            <pc:docMk/>
            <pc:sldMk cId="387456212" sldId="384"/>
            <ac:picMk id="10" creationId="{4D1397C9-7532-44BA-DA4F-8295ED671B23}"/>
          </ac:picMkLst>
        </pc:picChg>
        <pc:picChg chg="add del mod modCrop">
          <ac:chgData name="Gilbert, Andre-Anan" userId="9702a563-eab5-4d2a-ab37-425108274ca8" providerId="ADAL" clId="{C687B96A-7ECE-FC4F-9A33-918ABF12B773}" dt="2023-11-13T12:17:36.238" v="3831" actId="478"/>
          <ac:picMkLst>
            <pc:docMk/>
            <pc:sldMk cId="387456212" sldId="384"/>
            <ac:picMk id="14" creationId="{D4A800D7-99D1-03C4-A0D3-8926508670D8}"/>
          </ac:picMkLst>
        </pc:picChg>
        <pc:picChg chg="add del mod modCrop">
          <ac:chgData name="Gilbert, Andre-Anan" userId="9702a563-eab5-4d2a-ab37-425108274ca8" providerId="ADAL" clId="{C687B96A-7ECE-FC4F-9A33-918ABF12B773}" dt="2023-11-13T12:18:32.325" v="3841" actId="931"/>
          <ac:picMkLst>
            <pc:docMk/>
            <pc:sldMk cId="387456212" sldId="384"/>
            <ac:picMk id="18" creationId="{79439669-AAE5-105C-C221-B952BE393215}"/>
          </ac:picMkLst>
        </pc:picChg>
        <pc:picChg chg="add mod modCrop">
          <ac:chgData name="Gilbert, Andre-Anan" userId="9702a563-eab5-4d2a-ab37-425108274ca8" providerId="ADAL" clId="{C687B96A-7ECE-FC4F-9A33-918ABF12B773}" dt="2023-11-13T15:37:27.733" v="7072" actId="14861"/>
          <ac:picMkLst>
            <pc:docMk/>
            <pc:sldMk cId="387456212" sldId="384"/>
            <ac:picMk id="20" creationId="{7344336B-3DFF-D8E2-0832-F75244B0FDC4}"/>
          </ac:picMkLst>
        </pc:picChg>
      </pc:sldChg>
      <pc:sldChg chg="new del">
        <pc:chgData name="Gilbert, Andre-Anan" userId="9702a563-eab5-4d2a-ab37-425108274ca8" providerId="ADAL" clId="{C687B96A-7ECE-FC4F-9A33-918ABF12B773}" dt="2023-11-10T18:52:11.398" v="3719" actId="2696"/>
        <pc:sldMkLst>
          <pc:docMk/>
          <pc:sldMk cId="3540992096" sldId="384"/>
        </pc:sldMkLst>
      </pc:sldChg>
      <pc:sldChg chg="new del">
        <pc:chgData name="Gilbert, Andre-Anan" userId="9702a563-eab5-4d2a-ab37-425108274ca8" providerId="ADAL" clId="{C687B96A-7ECE-FC4F-9A33-918ABF12B773}" dt="2023-11-10T18:37:12.448" v="3390" actId="2696"/>
        <pc:sldMkLst>
          <pc:docMk/>
          <pc:sldMk cId="4270892170" sldId="384"/>
        </pc:sldMkLst>
      </pc:sldChg>
      <pc:sldChg chg="modSp new del mod">
        <pc:chgData name="Gilbert, Andre-Anan" userId="9702a563-eab5-4d2a-ab37-425108274ca8" providerId="ADAL" clId="{C687B96A-7ECE-FC4F-9A33-918ABF12B773}" dt="2023-11-13T13:23:13.611" v="4969" actId="2696"/>
        <pc:sldMkLst>
          <pc:docMk/>
          <pc:sldMk cId="773713761" sldId="385"/>
        </pc:sldMkLst>
        <pc:spChg chg="mod">
          <ac:chgData name="Gilbert, Andre-Anan" userId="9702a563-eab5-4d2a-ab37-425108274ca8" providerId="ADAL" clId="{C687B96A-7ECE-FC4F-9A33-918ABF12B773}" dt="2023-11-13T13:02:56.614" v="4769" actId="20577"/>
          <ac:spMkLst>
            <pc:docMk/>
            <pc:sldMk cId="773713761" sldId="385"/>
            <ac:spMk id="2" creationId="{6F0B6683-BAB5-4F48-3B57-85A76606FF37}"/>
          </ac:spMkLst>
        </pc:spChg>
      </pc:sldChg>
      <pc:sldChg chg="delSp add del mod">
        <pc:chgData name="Gilbert, Andre-Anan" userId="9702a563-eab5-4d2a-ab37-425108274ca8" providerId="ADAL" clId="{C687B96A-7ECE-FC4F-9A33-918ABF12B773}" dt="2023-11-13T13:21:21.089" v="4964" actId="2696"/>
        <pc:sldMkLst>
          <pc:docMk/>
          <pc:sldMk cId="1753663168" sldId="386"/>
        </pc:sldMkLst>
        <pc:spChg chg="del">
          <ac:chgData name="Gilbert, Andre-Anan" userId="9702a563-eab5-4d2a-ab37-425108274ca8" providerId="ADAL" clId="{C687B96A-7ECE-FC4F-9A33-918ABF12B773}" dt="2023-11-13T13:07:26.617" v="4779" actId="478"/>
          <ac:spMkLst>
            <pc:docMk/>
            <pc:sldMk cId="1753663168" sldId="386"/>
            <ac:spMk id="29" creationId="{F19B6A09-160B-C39A-9781-6930C10A509B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43" creationId="{772F64F9-F823-1780-D32E-701E23B91563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44" creationId="{8B7500F2-5497-A593-3DF7-63E9620ECD75}"/>
          </ac:spMkLst>
        </pc:spChg>
        <pc:spChg chg="del">
          <ac:chgData name="Gilbert, Andre-Anan" userId="9702a563-eab5-4d2a-ab37-425108274ca8" providerId="ADAL" clId="{C687B96A-7ECE-FC4F-9A33-918ABF12B773}" dt="2023-11-13T13:07:13.493" v="4777" actId="478"/>
          <ac:spMkLst>
            <pc:docMk/>
            <pc:sldMk cId="1753663168" sldId="386"/>
            <ac:spMk id="45" creationId="{EB87A84A-E9F8-A506-83C7-C23BA87F2CEB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46" creationId="{0795C068-BC51-411A-73C5-5199A6943B46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47" creationId="{1C5127BE-DC99-A700-DC05-11B424484F18}"/>
          </ac:spMkLst>
        </pc:spChg>
        <pc:spChg chg="del">
          <ac:chgData name="Gilbert, Andre-Anan" userId="9702a563-eab5-4d2a-ab37-425108274ca8" providerId="ADAL" clId="{C687B96A-7ECE-FC4F-9A33-918ABF12B773}" dt="2023-11-13T13:07:13.493" v="4777" actId="478"/>
          <ac:spMkLst>
            <pc:docMk/>
            <pc:sldMk cId="1753663168" sldId="386"/>
            <ac:spMk id="48" creationId="{04ED0A37-E1D3-C662-6D59-D8CA813A5F3E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49" creationId="{DB184508-E41C-2FCD-3BA7-4010CBE42B94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50" creationId="{802D6C7B-22D3-47BF-1D04-1A1CD7AA2893}"/>
          </ac:spMkLst>
        </pc:spChg>
        <pc:spChg chg="del">
          <ac:chgData name="Gilbert, Andre-Anan" userId="9702a563-eab5-4d2a-ab37-425108274ca8" providerId="ADAL" clId="{C687B96A-7ECE-FC4F-9A33-918ABF12B773}" dt="2023-11-13T13:07:13.493" v="4777" actId="478"/>
          <ac:spMkLst>
            <pc:docMk/>
            <pc:sldMk cId="1753663168" sldId="386"/>
            <ac:spMk id="51" creationId="{AD3FA4CC-8D8F-A9FB-ED7F-93D9C8CCCBA1}"/>
          </ac:spMkLst>
        </pc:spChg>
      </pc:sldChg>
      <pc:sldChg chg="addSp delSp modSp new mod ord modTransition modAnim modShow">
        <pc:chgData name="Gilbert, Andre-Anan" userId="9702a563-eab5-4d2a-ab37-425108274ca8" providerId="ADAL" clId="{C687B96A-7ECE-FC4F-9A33-918ABF12B773}" dt="2024-01-24T20:18:59.677" v="10002" actId="729"/>
        <pc:sldMkLst>
          <pc:docMk/>
          <pc:sldMk cId="2972876816" sldId="387"/>
        </pc:sldMkLst>
        <pc:spChg chg="mod">
          <ac:chgData name="Gilbert, Andre-Anan" userId="9702a563-eab5-4d2a-ab37-425108274ca8" providerId="ADAL" clId="{C687B96A-7ECE-FC4F-9A33-918ABF12B773}" dt="2024-01-09T14:55:12.698" v="9848" actId="20577"/>
          <ac:spMkLst>
            <pc:docMk/>
            <pc:sldMk cId="2972876816" sldId="387"/>
            <ac:spMk id="2" creationId="{A3EF724C-E67A-667B-9307-95656BBC7EB9}"/>
          </ac:spMkLst>
        </pc:spChg>
        <pc:spChg chg="mod">
          <ac:chgData name="Gilbert, Andre-Anan" userId="9702a563-eab5-4d2a-ab37-425108274ca8" providerId="ADAL" clId="{C687B96A-7ECE-FC4F-9A33-918ABF12B773}" dt="2023-11-13T13:08:18.041" v="4787" actId="20577"/>
          <ac:spMkLst>
            <pc:docMk/>
            <pc:sldMk cId="2972876816" sldId="387"/>
            <ac:spMk id="3" creationId="{DD23AC7D-AC39-E128-ECAD-BEA47202B38F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5" creationId="{8CE28569-AC2D-EA6E-6F4A-9B1D7CCD9E5A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6" creationId="{266D9066-7FB6-5117-3C41-E8DF38BA2A28}"/>
          </ac:spMkLst>
        </pc:spChg>
        <pc:spChg chg="add del mod">
          <ac:chgData name="Gilbert, Andre-Anan" userId="9702a563-eab5-4d2a-ab37-425108274ca8" providerId="ADAL" clId="{C687B96A-7ECE-FC4F-9A33-918ABF12B773}" dt="2023-11-13T13:28:29.274" v="5179" actId="478"/>
          <ac:spMkLst>
            <pc:docMk/>
            <pc:sldMk cId="2972876816" sldId="387"/>
            <ac:spMk id="7" creationId="{49846640-E4DE-60B3-A16D-490954ED1B0D}"/>
          </ac:spMkLst>
        </pc:spChg>
        <pc:spChg chg="add del mod">
          <ac:chgData name="Gilbert, Andre-Anan" userId="9702a563-eab5-4d2a-ab37-425108274ca8" providerId="ADAL" clId="{C687B96A-7ECE-FC4F-9A33-918ABF12B773}" dt="2023-11-13T15:18:50.100" v="6714"/>
          <ac:spMkLst>
            <pc:docMk/>
            <pc:sldMk cId="2972876816" sldId="387"/>
            <ac:spMk id="7" creationId="{E6ABCF64-54EA-9410-A036-5A24D53DE308}"/>
          </ac:spMkLst>
        </pc:spChg>
        <pc:spChg chg="add del mod">
          <ac:chgData name="Gilbert, Andre-Anan" userId="9702a563-eab5-4d2a-ab37-425108274ca8" providerId="ADAL" clId="{C687B96A-7ECE-FC4F-9A33-918ABF12B773}" dt="2023-11-13T13:26:39.557" v="5161" actId="478"/>
          <ac:spMkLst>
            <pc:docMk/>
            <pc:sldMk cId="2972876816" sldId="387"/>
            <ac:spMk id="8" creationId="{4ED8DBD3-71BA-A2DF-D526-43A0CF746E26}"/>
          </ac:spMkLst>
        </pc:spChg>
        <pc:spChg chg="add del mod">
          <ac:chgData name="Gilbert, Andre-Anan" userId="9702a563-eab5-4d2a-ab37-425108274ca8" providerId="ADAL" clId="{C687B96A-7ECE-FC4F-9A33-918ABF12B773}" dt="2023-11-13T13:28:29.274" v="5179" actId="478"/>
          <ac:spMkLst>
            <pc:docMk/>
            <pc:sldMk cId="2972876816" sldId="387"/>
            <ac:spMk id="10" creationId="{C3A885B2-6DEC-0C18-806F-B9455EF62EBA}"/>
          </ac:spMkLst>
        </pc:spChg>
        <pc:spChg chg="add del mod">
          <ac:chgData name="Gilbert, Andre-Anan" userId="9702a563-eab5-4d2a-ab37-425108274ca8" providerId="ADAL" clId="{C687B96A-7ECE-FC4F-9A33-918ABF12B773}" dt="2023-11-13T13:28:29.274" v="5179" actId="478"/>
          <ac:spMkLst>
            <pc:docMk/>
            <pc:sldMk cId="2972876816" sldId="387"/>
            <ac:spMk id="11" creationId="{50A05B2D-B572-04CD-E5D2-066AF565B1D0}"/>
          </ac:spMkLst>
        </pc:spChg>
        <pc:spChg chg="add del mod">
          <ac:chgData name="Gilbert, Andre-Anan" userId="9702a563-eab5-4d2a-ab37-425108274ca8" providerId="ADAL" clId="{C687B96A-7ECE-FC4F-9A33-918ABF12B773}" dt="2023-11-13T13:28:29.274" v="5179" actId="478"/>
          <ac:spMkLst>
            <pc:docMk/>
            <pc:sldMk cId="2972876816" sldId="387"/>
            <ac:spMk id="12" creationId="{5D4BF9BB-FBCA-2FF6-49B8-5DC2A2DEC0A0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13" creationId="{0BC5511A-4AEA-6310-1BD5-37C877DC2177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14" creationId="{82B3444B-AB39-B84E-089B-648A8E3D4C91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15" creationId="{B4DAEA74-7DC7-EF61-E54C-2A0330F16245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16" creationId="{F3F43BCC-CD99-2AEB-20E8-92194BCDF3B8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17" creationId="{7380FEC4-FB29-93DC-A0F4-4293330B4E26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18" creationId="{8AFF0632-EF10-A6E6-D22C-974AD49C91B7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19" creationId="{4B448548-66CA-F669-A0F7-75A5B8B100E0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20" creationId="{DEBF574C-A355-55E6-6831-843690EFE5A9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21" creationId="{E7556C3A-092D-0027-6EE1-92A8D7501F85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22" creationId="{FA34184A-067A-223D-2913-E10FC241FF50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23" creationId="{5B421D44-1DF0-71D8-D6F3-B94A0ACB25CD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24" creationId="{DDBB805C-ABFC-A9A1-993A-00B685650DE0}"/>
          </ac:spMkLst>
        </pc:spChg>
        <pc:picChg chg="add mod">
          <ac:chgData name="Gilbert, Andre-Anan" userId="9702a563-eab5-4d2a-ab37-425108274ca8" providerId="ADAL" clId="{C687B96A-7ECE-FC4F-9A33-918ABF12B773}" dt="2023-11-27T12:10:59.527" v="8736" actId="14100"/>
          <ac:picMkLst>
            <pc:docMk/>
            <pc:sldMk cId="2972876816" sldId="387"/>
            <ac:picMk id="4" creationId="{E7EE9A0A-D4D2-BEB5-F9D2-8162FBA87C7D}"/>
          </ac:picMkLst>
        </pc:picChg>
        <pc:picChg chg="add del mod">
          <ac:chgData name="Gilbert, Andre-Anan" userId="9702a563-eab5-4d2a-ab37-425108274ca8" providerId="ADAL" clId="{C687B96A-7ECE-FC4F-9A33-918ABF12B773}" dt="2023-11-13T13:17:29.226" v="4953" actId="478"/>
          <ac:picMkLst>
            <pc:docMk/>
            <pc:sldMk cId="2972876816" sldId="387"/>
            <ac:picMk id="9" creationId="{2E66BDAE-05E5-2916-FB4E-CBADA2F5837F}"/>
          </ac:picMkLst>
        </pc:picChg>
      </pc:sldChg>
      <pc:sldChg chg="addSp delSp modSp new mod modTransition modShow modCm">
        <pc:chgData name="Gilbert, Andre-Anan" userId="9702a563-eab5-4d2a-ab37-425108274ca8" providerId="ADAL" clId="{C687B96A-7ECE-FC4F-9A33-918ABF12B773}" dt="2024-02-02T16:00:35.136" v="10178" actId="729"/>
        <pc:sldMkLst>
          <pc:docMk/>
          <pc:sldMk cId="163284673" sldId="388"/>
        </pc:sldMkLst>
        <pc:spChg chg="mod">
          <ac:chgData name="Gilbert, Andre-Anan" userId="9702a563-eab5-4d2a-ab37-425108274ca8" providerId="ADAL" clId="{C687B96A-7ECE-FC4F-9A33-918ABF12B773}" dt="2024-01-09T07:28:33.105" v="9812" actId="20577"/>
          <ac:spMkLst>
            <pc:docMk/>
            <pc:sldMk cId="163284673" sldId="388"/>
            <ac:spMk id="2" creationId="{D1A93BF4-436E-4B37-5610-6ED395FD9B6C}"/>
          </ac:spMkLst>
        </pc:spChg>
        <pc:spChg chg="del">
          <ac:chgData name="Gilbert, Andre-Anan" userId="9702a563-eab5-4d2a-ab37-425108274ca8" providerId="ADAL" clId="{C687B96A-7ECE-FC4F-9A33-918ABF12B773}" dt="2023-11-13T13:41:42.382" v="5446" actId="931"/>
          <ac:spMkLst>
            <pc:docMk/>
            <pc:sldMk cId="163284673" sldId="388"/>
            <ac:spMk id="3" creationId="{1BC39D87-4CAB-8FBD-C2CB-09A1D8331A38}"/>
          </ac:spMkLst>
        </pc:spChg>
        <pc:spChg chg="mod">
          <ac:chgData name="Gilbert, Andre-Anan" userId="9702a563-eab5-4d2a-ab37-425108274ca8" providerId="ADAL" clId="{C687B96A-7ECE-FC4F-9A33-918ABF12B773}" dt="2024-01-09T07:28:28.477" v="9808" actId="20577"/>
          <ac:spMkLst>
            <pc:docMk/>
            <pc:sldMk cId="163284673" sldId="388"/>
            <ac:spMk id="4" creationId="{A53DBC24-15C0-EEB4-6904-CF2FA82DA9E9}"/>
          </ac:spMkLst>
        </pc:spChg>
        <pc:spChg chg="add del mod">
          <ac:chgData name="Gilbert, Andre-Anan" userId="9702a563-eab5-4d2a-ab37-425108274ca8" providerId="ADAL" clId="{C687B96A-7ECE-FC4F-9A33-918ABF12B773}" dt="2023-11-22T20:00:01.198" v="8003" actId="931"/>
          <ac:spMkLst>
            <pc:docMk/>
            <pc:sldMk cId="163284673" sldId="388"/>
            <ac:spMk id="5" creationId="{43F29F83-F6E5-F419-089C-F9A1646D1881}"/>
          </ac:spMkLst>
        </pc:spChg>
        <pc:spChg chg="del">
          <ac:chgData name="Gilbert, Andre-Anan" userId="9702a563-eab5-4d2a-ab37-425108274ca8" providerId="ADAL" clId="{C687B96A-7ECE-FC4F-9A33-918ABF12B773}" dt="2023-11-13T13:46:21.547" v="5448" actId="931"/>
          <ac:spMkLst>
            <pc:docMk/>
            <pc:sldMk cId="163284673" sldId="388"/>
            <ac:spMk id="5" creationId="{A538AAC8-500F-E553-9DFB-36B58D038955}"/>
          </ac:spMkLst>
        </pc:spChg>
        <pc:spChg chg="mod">
          <ac:chgData name="Gilbert, Andre-Anan" userId="9702a563-eab5-4d2a-ab37-425108274ca8" providerId="ADAL" clId="{C687B96A-7ECE-FC4F-9A33-918ABF12B773}" dt="2024-01-09T07:28:30.876" v="9810" actId="20577"/>
          <ac:spMkLst>
            <pc:docMk/>
            <pc:sldMk cId="163284673" sldId="388"/>
            <ac:spMk id="6" creationId="{E5500676-CB8A-5BCA-29C2-D1A58DF45D32}"/>
          </ac:spMkLst>
        </pc:spChg>
        <pc:spChg chg="del">
          <ac:chgData name="Gilbert, Andre-Anan" userId="9702a563-eab5-4d2a-ab37-425108274ca8" providerId="ADAL" clId="{C687B96A-7ECE-FC4F-9A33-918ABF12B773}" dt="2023-11-13T13:46:35.228" v="5452" actId="931"/>
          <ac:spMkLst>
            <pc:docMk/>
            <pc:sldMk cId="163284673" sldId="388"/>
            <ac:spMk id="7" creationId="{DA3B7277-677A-C320-5DD8-28E407A2AC8D}"/>
          </ac:spMkLst>
        </pc:spChg>
        <pc:spChg chg="mod">
          <ac:chgData name="Gilbert, Andre-Anan" userId="9702a563-eab5-4d2a-ab37-425108274ca8" providerId="ADAL" clId="{C687B96A-7ECE-FC4F-9A33-918ABF12B773}" dt="2023-11-13T18:32:01.773" v="7253"/>
          <ac:spMkLst>
            <pc:docMk/>
            <pc:sldMk cId="163284673" sldId="388"/>
            <ac:spMk id="8" creationId="{3DEE99ED-BBFA-316D-E15B-44467EF85222}"/>
          </ac:spMkLst>
        </pc:spChg>
        <pc:spChg chg="add del mod">
          <ac:chgData name="Gilbert, Andre-Anan" userId="9702a563-eab5-4d2a-ab37-425108274ca8" providerId="ADAL" clId="{C687B96A-7ECE-FC4F-9A33-918ABF12B773}" dt="2023-11-13T14:25:20.802" v="5920" actId="931"/>
          <ac:spMkLst>
            <pc:docMk/>
            <pc:sldMk cId="163284673" sldId="388"/>
            <ac:spMk id="9" creationId="{5691BD3F-FA9A-5773-B0A9-9E7570238455}"/>
          </ac:spMkLst>
        </pc:spChg>
        <pc:spChg chg="add del mod">
          <ac:chgData name="Gilbert, Andre-Anan" userId="9702a563-eab5-4d2a-ab37-425108274ca8" providerId="ADAL" clId="{C687B96A-7ECE-FC4F-9A33-918ABF12B773}" dt="2023-11-22T20:00:04.747" v="8004" actId="931"/>
          <ac:spMkLst>
            <pc:docMk/>
            <pc:sldMk cId="163284673" sldId="388"/>
            <ac:spMk id="9" creationId="{6B28A8D4-5D08-F5CD-7ED9-4191F10C1A81}"/>
          </ac:spMkLst>
        </pc:spChg>
        <pc:spChg chg="add del mod">
          <ac:chgData name="Gilbert, Andre-Anan" userId="9702a563-eab5-4d2a-ab37-425108274ca8" providerId="ADAL" clId="{C687B96A-7ECE-FC4F-9A33-918ABF12B773}" dt="2023-11-13T14:21:01.776" v="5919" actId="478"/>
          <ac:spMkLst>
            <pc:docMk/>
            <pc:sldMk cId="163284673" sldId="388"/>
            <ac:spMk id="10" creationId="{6475A700-DBB6-D964-AF40-B50210349E6F}"/>
          </ac:spMkLst>
        </pc:spChg>
        <pc:spChg chg="add del mod">
          <ac:chgData name="Gilbert, Andre-Anan" userId="9702a563-eab5-4d2a-ab37-425108274ca8" providerId="ADAL" clId="{C687B96A-7ECE-FC4F-9A33-918ABF12B773}" dt="2023-11-22T20:00:07.728" v="8005" actId="931"/>
          <ac:spMkLst>
            <pc:docMk/>
            <pc:sldMk cId="163284673" sldId="388"/>
            <ac:spMk id="11" creationId="{5B3F3A18-30E9-5BEC-30CF-E150B4CF594B}"/>
          </ac:spMkLst>
        </pc:spChg>
        <pc:spChg chg="add del mod">
          <ac:chgData name="Gilbert, Andre-Anan" userId="9702a563-eab5-4d2a-ab37-425108274ca8" providerId="ADAL" clId="{C687B96A-7ECE-FC4F-9A33-918ABF12B773}" dt="2023-11-13T13:46:31.915" v="5451" actId="931"/>
          <ac:spMkLst>
            <pc:docMk/>
            <pc:sldMk cId="163284673" sldId="388"/>
            <ac:spMk id="14" creationId="{F0E966A9-0B8A-6126-6DDA-09B5CD5BAFDD}"/>
          </ac:spMkLst>
        </pc:spChg>
        <pc:spChg chg="add del mod">
          <ac:chgData name="Gilbert, Andre-Anan" userId="9702a563-eab5-4d2a-ab37-425108274ca8" providerId="ADAL" clId="{C687B96A-7ECE-FC4F-9A33-918ABF12B773}" dt="2023-11-13T14:25:32.487" v="5924" actId="931"/>
          <ac:spMkLst>
            <pc:docMk/>
            <pc:sldMk cId="163284673" sldId="388"/>
            <ac:spMk id="18" creationId="{D00BA397-4EFD-9875-C677-F423315918AB}"/>
          </ac:spMkLst>
        </pc:spChg>
        <pc:spChg chg="add del mod">
          <ac:chgData name="Gilbert, Andre-Anan" userId="9702a563-eab5-4d2a-ab37-425108274ca8" providerId="ADAL" clId="{C687B96A-7ECE-FC4F-9A33-918ABF12B773}" dt="2023-11-22T20:01:43.082" v="8010" actId="931"/>
          <ac:spMkLst>
            <pc:docMk/>
            <pc:sldMk cId="163284673" sldId="388"/>
            <ac:spMk id="19" creationId="{EBA186FB-404A-DC1C-7BC3-79CB3453AAD4}"/>
          </ac:spMkLst>
        </pc:spChg>
        <pc:spChg chg="add del mod">
          <ac:chgData name="Gilbert, Andre-Anan" userId="9702a563-eab5-4d2a-ab37-425108274ca8" providerId="ADAL" clId="{C687B96A-7ECE-FC4F-9A33-918ABF12B773}" dt="2023-11-13T14:05:07.982" v="5883" actId="931"/>
          <ac:spMkLst>
            <pc:docMk/>
            <pc:sldMk cId="163284673" sldId="388"/>
            <ac:spMk id="20" creationId="{B3B3E7DC-476A-514D-0F4E-501913B44803}"/>
          </ac:spMkLst>
        </pc:spChg>
        <pc:spChg chg="add del mod">
          <ac:chgData name="Gilbert, Andre-Anan" userId="9702a563-eab5-4d2a-ab37-425108274ca8" providerId="ADAL" clId="{C687B96A-7ECE-FC4F-9A33-918ABF12B773}" dt="2023-11-13T14:25:24.294" v="5921" actId="931"/>
          <ac:spMkLst>
            <pc:docMk/>
            <pc:sldMk cId="163284673" sldId="388"/>
            <ac:spMk id="22" creationId="{E2B6D4B0-C009-A340-8D54-1F62FE51BCAC}"/>
          </ac:spMkLst>
        </pc:spChg>
        <pc:spChg chg="add del mod">
          <ac:chgData name="Gilbert, Andre-Anan" userId="9702a563-eab5-4d2a-ab37-425108274ca8" providerId="ADAL" clId="{C687B96A-7ECE-FC4F-9A33-918ABF12B773}" dt="2023-11-22T20:01:47.554" v="8012" actId="931"/>
          <ac:spMkLst>
            <pc:docMk/>
            <pc:sldMk cId="163284673" sldId="388"/>
            <ac:spMk id="23" creationId="{74C481E7-567A-6624-5E7B-39A9F23C89B4}"/>
          </ac:spMkLst>
        </pc:spChg>
        <pc:spChg chg="add del mod">
          <ac:chgData name="Gilbert, Andre-Anan" userId="9702a563-eab5-4d2a-ab37-425108274ca8" providerId="ADAL" clId="{C687B96A-7ECE-FC4F-9A33-918ABF12B773}" dt="2023-11-13T14:27:10.365" v="5931" actId="931"/>
          <ac:spMkLst>
            <pc:docMk/>
            <pc:sldMk cId="163284673" sldId="388"/>
            <ac:spMk id="23" creationId="{CD27CFA4-11A9-3634-6542-1469A21094D4}"/>
          </ac:spMkLst>
        </pc:spChg>
        <pc:spChg chg="add del mod">
          <ac:chgData name="Gilbert, Andre-Anan" userId="9702a563-eab5-4d2a-ab37-425108274ca8" providerId="ADAL" clId="{C687B96A-7ECE-FC4F-9A33-918ABF12B773}" dt="2023-11-13T14:25:27.162" v="5922" actId="931"/>
          <ac:spMkLst>
            <pc:docMk/>
            <pc:sldMk cId="163284673" sldId="388"/>
            <ac:spMk id="24" creationId="{90DA6287-4432-CBDA-4663-D1AB821EDF52}"/>
          </ac:spMkLst>
        </pc:spChg>
        <pc:spChg chg="add del mod">
          <ac:chgData name="Gilbert, Andre-Anan" userId="9702a563-eab5-4d2a-ab37-425108274ca8" providerId="ADAL" clId="{C687B96A-7ECE-FC4F-9A33-918ABF12B773}" dt="2023-11-13T14:27:14.171" v="5932" actId="931"/>
          <ac:spMkLst>
            <pc:docMk/>
            <pc:sldMk cId="163284673" sldId="388"/>
            <ac:spMk id="26" creationId="{E5A73F7C-13F6-F34C-04ED-DCC9619D908D}"/>
          </ac:spMkLst>
        </pc:spChg>
        <pc:spChg chg="add del mod">
          <ac:chgData name="Gilbert, Andre-Anan" userId="9702a563-eab5-4d2a-ab37-425108274ca8" providerId="ADAL" clId="{C687B96A-7ECE-FC4F-9A33-918ABF12B773}" dt="2023-11-22T20:03:08.096" v="8018" actId="931"/>
          <ac:spMkLst>
            <pc:docMk/>
            <pc:sldMk cId="163284673" sldId="388"/>
            <ac:spMk id="27" creationId="{AA264168-A846-E0B4-DBB0-2FF149535FBF}"/>
          </ac:spMkLst>
        </pc:spChg>
        <pc:spChg chg="add del mod">
          <ac:chgData name="Gilbert, Andre-Anan" userId="9702a563-eab5-4d2a-ab37-425108274ca8" providerId="ADAL" clId="{C687B96A-7ECE-FC4F-9A33-918ABF12B773}" dt="2023-11-13T14:09:19.883" v="5889" actId="931"/>
          <ac:spMkLst>
            <pc:docMk/>
            <pc:sldMk cId="163284673" sldId="388"/>
            <ac:spMk id="28" creationId="{833B4281-30DA-696D-7E5D-25756717B851}"/>
          </ac:spMkLst>
        </pc:spChg>
        <pc:spChg chg="add del mod">
          <ac:chgData name="Gilbert, Andre-Anan" userId="9702a563-eab5-4d2a-ab37-425108274ca8" providerId="ADAL" clId="{C687B96A-7ECE-FC4F-9A33-918ABF12B773}" dt="2023-11-13T14:27:16.810" v="5933" actId="931"/>
          <ac:spMkLst>
            <pc:docMk/>
            <pc:sldMk cId="163284673" sldId="388"/>
            <ac:spMk id="28" creationId="{A17DAB07-D433-7E79-BC63-31763AC78733}"/>
          </ac:spMkLst>
        </pc:spChg>
        <pc:spChg chg="add del mod">
          <ac:chgData name="Gilbert, Andre-Anan" userId="9702a563-eab5-4d2a-ab37-425108274ca8" providerId="ADAL" clId="{C687B96A-7ECE-FC4F-9A33-918ABF12B773}" dt="2023-11-13T14:13:41.239" v="5899" actId="931"/>
          <ac:spMkLst>
            <pc:docMk/>
            <pc:sldMk cId="163284673" sldId="388"/>
            <ac:spMk id="32" creationId="{C30A86C4-453E-F419-70F6-2A878E192D5D}"/>
          </ac:spMkLst>
        </pc:spChg>
        <pc:picChg chg="add del mod">
          <ac:chgData name="Gilbert, Andre-Anan" userId="9702a563-eab5-4d2a-ab37-425108274ca8" providerId="ADAL" clId="{C687B96A-7ECE-FC4F-9A33-918ABF12B773}" dt="2023-11-13T14:17:31.842" v="5910" actId="478"/>
          <ac:picMkLst>
            <pc:docMk/>
            <pc:sldMk cId="163284673" sldId="388"/>
            <ac:picMk id="5" creationId="{4F0A3AAA-74DB-D1E6-3BD8-759FD27BEE9F}"/>
          </ac:picMkLst>
        </pc:picChg>
        <pc:picChg chg="add del mod">
          <ac:chgData name="Gilbert, Andre-Anan" userId="9702a563-eab5-4d2a-ab37-425108274ca8" providerId="ADAL" clId="{C687B96A-7ECE-FC4F-9A33-918ABF12B773}" dt="2023-11-13T13:49:30.354" v="5461" actId="478"/>
          <ac:picMkLst>
            <pc:docMk/>
            <pc:sldMk cId="163284673" sldId="388"/>
            <ac:picMk id="10" creationId="{62EC89CC-FA6E-3658-31F3-D43862F1CD9A}"/>
          </ac:picMkLst>
        </pc:picChg>
        <pc:picChg chg="add del mod">
          <ac:chgData name="Gilbert, Andre-Anan" userId="9702a563-eab5-4d2a-ab37-425108274ca8" providerId="ADAL" clId="{C687B96A-7ECE-FC4F-9A33-918ABF12B773}" dt="2023-11-13T13:46:29.007" v="5450" actId="478"/>
          <ac:picMkLst>
            <pc:docMk/>
            <pc:sldMk cId="163284673" sldId="388"/>
            <ac:picMk id="12" creationId="{7CC3B727-5C34-8425-D9D7-A41199CE9E5D}"/>
          </ac:picMkLst>
        </pc:picChg>
        <pc:picChg chg="add del mod">
          <ac:chgData name="Gilbert, Andre-Anan" userId="9702a563-eab5-4d2a-ab37-425108274ca8" providerId="ADAL" clId="{C687B96A-7ECE-FC4F-9A33-918ABF12B773}" dt="2023-11-13T14:27:03.187" v="5928" actId="478"/>
          <ac:picMkLst>
            <pc:docMk/>
            <pc:sldMk cId="163284673" sldId="388"/>
            <ac:picMk id="12" creationId="{DD33D79F-0F80-8C59-2490-EC8B43A5B17B}"/>
          </ac:picMkLst>
        </pc:picChg>
        <pc:picChg chg="add mod">
          <ac:chgData name="Gilbert, Andre-Anan" userId="9702a563-eab5-4d2a-ab37-425108274ca8" providerId="ADAL" clId="{C687B96A-7ECE-FC4F-9A33-918ABF12B773}" dt="2023-11-23T08:22:36.517" v="8032" actId="14861"/>
          <ac:picMkLst>
            <pc:docMk/>
            <pc:sldMk cId="163284673" sldId="388"/>
            <ac:picMk id="13" creationId="{187C9196-6463-A0F4-2441-88E441B7BAAA}"/>
          </ac:picMkLst>
        </pc:picChg>
        <pc:picChg chg="add del mod">
          <ac:chgData name="Gilbert, Andre-Anan" userId="9702a563-eab5-4d2a-ab37-425108274ca8" providerId="ADAL" clId="{C687B96A-7ECE-FC4F-9A33-918ABF12B773}" dt="2023-11-13T14:27:04.402" v="5929" actId="478"/>
          <ac:picMkLst>
            <pc:docMk/>
            <pc:sldMk cId="163284673" sldId="388"/>
            <ac:picMk id="14" creationId="{78F371E5-0EE9-C992-910F-0AB8D0307546}"/>
          </ac:picMkLst>
        </pc:picChg>
        <pc:picChg chg="add del mod">
          <ac:chgData name="Gilbert, Andre-Anan" userId="9702a563-eab5-4d2a-ab37-425108274ca8" providerId="ADAL" clId="{C687B96A-7ECE-FC4F-9A33-918ABF12B773}" dt="2023-11-22T20:01:39.936" v="8009" actId="478"/>
          <ac:picMkLst>
            <pc:docMk/>
            <pc:sldMk cId="163284673" sldId="388"/>
            <ac:picMk id="15" creationId="{F251662E-1357-5BC0-4321-EEFED28E5F21}"/>
          </ac:picMkLst>
        </pc:picChg>
        <pc:picChg chg="add del mod">
          <ac:chgData name="Gilbert, Andre-Anan" userId="9702a563-eab5-4d2a-ab37-425108274ca8" providerId="ADAL" clId="{C687B96A-7ECE-FC4F-9A33-918ABF12B773}" dt="2023-11-13T14:25:29.344" v="5923" actId="478"/>
          <ac:picMkLst>
            <pc:docMk/>
            <pc:sldMk cId="163284673" sldId="388"/>
            <ac:picMk id="16" creationId="{13A9592A-F288-A13A-898C-8EDC73031BEB}"/>
          </ac:picMkLst>
        </pc:picChg>
        <pc:picChg chg="add del mod">
          <ac:chgData name="Gilbert, Andre-Anan" userId="9702a563-eab5-4d2a-ab37-425108274ca8" providerId="ADAL" clId="{C687B96A-7ECE-FC4F-9A33-918ABF12B773}" dt="2023-11-13T13:49:29.030" v="5460" actId="478"/>
          <ac:picMkLst>
            <pc:docMk/>
            <pc:sldMk cId="163284673" sldId="388"/>
            <ac:picMk id="16" creationId="{EF728493-5C00-9501-80BC-00D8ED5FF694}"/>
          </ac:picMkLst>
        </pc:picChg>
        <pc:picChg chg="add del mod">
          <ac:chgData name="Gilbert, Andre-Anan" userId="9702a563-eab5-4d2a-ab37-425108274ca8" providerId="ADAL" clId="{C687B96A-7ECE-FC4F-9A33-918ABF12B773}" dt="2023-11-22T20:01:44.306" v="8011" actId="478"/>
          <ac:picMkLst>
            <pc:docMk/>
            <pc:sldMk cId="163284673" sldId="388"/>
            <ac:picMk id="17" creationId="{09F6D274-FBB8-A8AE-BBAB-9B3367BC8D69}"/>
          </ac:picMkLst>
        </pc:picChg>
        <pc:picChg chg="add del mod">
          <ac:chgData name="Gilbert, Andre-Anan" userId="9702a563-eab5-4d2a-ab37-425108274ca8" providerId="ADAL" clId="{C687B96A-7ECE-FC4F-9A33-918ABF12B773}" dt="2023-11-13T13:49:27.640" v="5459" actId="478"/>
          <ac:picMkLst>
            <pc:docMk/>
            <pc:sldMk cId="163284673" sldId="388"/>
            <ac:picMk id="18" creationId="{7A7C0D0F-FFEC-BDC1-9820-774326AC3D99}"/>
          </ac:picMkLst>
        </pc:picChg>
        <pc:picChg chg="add del mod">
          <ac:chgData name="Gilbert, Andre-Anan" userId="9702a563-eab5-4d2a-ab37-425108274ca8" providerId="ADAL" clId="{C687B96A-7ECE-FC4F-9A33-918ABF12B773}" dt="2023-11-13T14:27:05.639" v="5930" actId="478"/>
          <ac:picMkLst>
            <pc:docMk/>
            <pc:sldMk cId="163284673" sldId="388"/>
            <ac:picMk id="20" creationId="{2D8469B1-B3F4-2CC1-5C05-3BFFD097B3E1}"/>
          </ac:picMkLst>
        </pc:picChg>
        <pc:picChg chg="add mod">
          <ac:chgData name="Gilbert, Andre-Anan" userId="9702a563-eab5-4d2a-ab37-425108274ca8" providerId="ADAL" clId="{C687B96A-7ECE-FC4F-9A33-918ABF12B773}" dt="2023-11-23T08:22:42.590" v="8033" actId="108"/>
          <ac:picMkLst>
            <pc:docMk/>
            <pc:sldMk cId="163284673" sldId="388"/>
            <ac:picMk id="21" creationId="{DBAD986B-A7A2-1594-8392-6A341CE4D6E3}"/>
          </ac:picMkLst>
        </pc:picChg>
        <pc:picChg chg="add del mod">
          <ac:chgData name="Gilbert, Andre-Anan" userId="9702a563-eab5-4d2a-ab37-425108274ca8" providerId="ADAL" clId="{C687B96A-7ECE-FC4F-9A33-918ABF12B773}" dt="2023-11-22T20:03:04.931" v="8017" actId="478"/>
          <ac:picMkLst>
            <pc:docMk/>
            <pc:sldMk cId="163284673" sldId="388"/>
            <ac:picMk id="25" creationId="{4CC31C06-8080-EF99-18B1-564D44E97C0D}"/>
          </ac:picMkLst>
        </pc:picChg>
        <pc:picChg chg="add del mod">
          <ac:chgData name="Gilbert, Andre-Anan" userId="9702a563-eab5-4d2a-ab37-425108274ca8" providerId="ADAL" clId="{C687B96A-7ECE-FC4F-9A33-918ABF12B773}" dt="2023-11-13T14:06:11.491" v="5888" actId="478"/>
          <ac:picMkLst>
            <pc:docMk/>
            <pc:sldMk cId="163284673" sldId="388"/>
            <ac:picMk id="26" creationId="{44BD446C-092B-2A2C-2CEF-E56B933E18B3}"/>
          </ac:picMkLst>
        </pc:picChg>
        <pc:picChg chg="add mod">
          <ac:chgData name="Gilbert, Andre-Anan" userId="9702a563-eab5-4d2a-ab37-425108274ca8" providerId="ADAL" clId="{C687B96A-7ECE-FC4F-9A33-918ABF12B773}" dt="2023-11-23T08:22:44.778" v="8034" actId="108"/>
          <ac:picMkLst>
            <pc:docMk/>
            <pc:sldMk cId="163284673" sldId="388"/>
            <ac:picMk id="29" creationId="{CC6F0EA3-65AA-663B-55B5-658D11A157F3}"/>
          </ac:picMkLst>
        </pc:picChg>
        <pc:picChg chg="add del mod">
          <ac:chgData name="Gilbert, Andre-Anan" userId="9702a563-eab5-4d2a-ab37-425108274ca8" providerId="ADAL" clId="{C687B96A-7ECE-FC4F-9A33-918ABF12B773}" dt="2023-11-22T19:54:46.106" v="8000" actId="478"/>
          <ac:picMkLst>
            <pc:docMk/>
            <pc:sldMk cId="163284673" sldId="388"/>
            <ac:picMk id="30" creationId="{61A2CF21-3EA3-BB94-D94C-AFEA936054F8}"/>
          </ac:picMkLst>
        </pc:picChg>
        <pc:picChg chg="add del mod">
          <ac:chgData name="Gilbert, Andre-Anan" userId="9702a563-eab5-4d2a-ab37-425108274ca8" providerId="ADAL" clId="{C687B96A-7ECE-FC4F-9A33-918ABF12B773}" dt="2023-11-13T14:10:36.018" v="5892" actId="478"/>
          <ac:picMkLst>
            <pc:docMk/>
            <pc:sldMk cId="163284673" sldId="388"/>
            <ac:picMk id="30" creationId="{867618F1-0CEA-4F18-0A77-753AB0E4F1BD}"/>
          </ac:picMkLst>
        </pc:picChg>
        <pc:picChg chg="add del mod">
          <ac:chgData name="Gilbert, Andre-Anan" userId="9702a563-eab5-4d2a-ab37-425108274ca8" providerId="ADAL" clId="{C687B96A-7ECE-FC4F-9A33-918ABF12B773}" dt="2023-11-22T19:54:47.395" v="8001" actId="478"/>
          <ac:picMkLst>
            <pc:docMk/>
            <pc:sldMk cId="163284673" sldId="388"/>
            <ac:picMk id="33" creationId="{5B7CE298-D91A-6144-8CAF-C74904614973}"/>
          </ac:picMkLst>
        </pc:picChg>
        <pc:picChg chg="add del mod">
          <ac:chgData name="Gilbert, Andre-Anan" userId="9702a563-eab5-4d2a-ab37-425108274ca8" providerId="ADAL" clId="{C687B96A-7ECE-FC4F-9A33-918ABF12B773}" dt="2023-11-22T19:54:48.677" v="8002" actId="478"/>
          <ac:picMkLst>
            <pc:docMk/>
            <pc:sldMk cId="163284673" sldId="388"/>
            <ac:picMk id="35" creationId="{2DB37CA0-AE4A-0A41-0288-063F61B5E6D7}"/>
          </ac:picMkLst>
        </pc:picChg>
        <pc:extLst>
          <p:ext xmlns:p="http://schemas.openxmlformats.org/presentationml/2006/main" uri="{D6D511B9-2390-475A-947B-AFAB55BFBCF1}">
            <pc226:cmChg xmlns:pc226="http://schemas.microsoft.com/office/powerpoint/2022/06/main/command" chg="mod">
              <pc226:chgData name="Gilbert, Andre-Anan" userId="9702a563-eab5-4d2a-ab37-425108274ca8" providerId="ADAL" clId="{C687B96A-7ECE-FC4F-9A33-918ABF12B773}" dt="2024-01-09T07:28:28.477" v="9808" actId="20577"/>
              <pc2:cmMkLst xmlns:pc2="http://schemas.microsoft.com/office/powerpoint/2019/9/main/command">
                <pc:docMk/>
                <pc:sldMk cId="163284673" sldId="388"/>
                <pc2:cmMk id="{33CC2D3C-770E-6848-ACAD-D97EADBE1527}"/>
              </pc2:cmMkLst>
            </pc226:cmChg>
            <pc226:cmChg xmlns:pc226="http://schemas.microsoft.com/office/powerpoint/2022/06/main/command" chg="mod">
              <pc226:chgData name="Gilbert, Andre-Anan" userId="9702a563-eab5-4d2a-ab37-425108274ca8" providerId="ADAL" clId="{C687B96A-7ECE-FC4F-9A33-918ABF12B773}" dt="2024-01-09T07:28:30.876" v="9810" actId="20577"/>
              <pc2:cmMkLst xmlns:pc2="http://schemas.microsoft.com/office/powerpoint/2019/9/main/command">
                <pc:docMk/>
                <pc:sldMk cId="163284673" sldId="388"/>
                <pc2:cmMk id="{5F93407F-199B-124A-AF4B-AC46D0EE41C4}"/>
              </pc2:cmMkLst>
            </pc226:cmChg>
          </p:ext>
        </pc:extLst>
      </pc:sldChg>
      <pc:sldChg chg="modSp new del mod">
        <pc:chgData name="Gilbert, Andre-Anan" userId="9702a563-eab5-4d2a-ab37-425108274ca8" providerId="ADAL" clId="{C687B96A-7ECE-FC4F-9A33-918ABF12B773}" dt="2023-11-13T13:21:17.600" v="4962" actId="2696"/>
        <pc:sldMkLst>
          <pc:docMk/>
          <pc:sldMk cId="4170292405" sldId="388"/>
        </pc:sldMkLst>
        <pc:spChg chg="mod">
          <ac:chgData name="Gilbert, Andre-Anan" userId="9702a563-eab5-4d2a-ab37-425108274ca8" providerId="ADAL" clId="{C687B96A-7ECE-FC4F-9A33-918ABF12B773}" dt="2023-11-13T13:12:51.581" v="4862" actId="15"/>
          <ac:spMkLst>
            <pc:docMk/>
            <pc:sldMk cId="4170292405" sldId="388"/>
            <ac:spMk id="2" creationId="{C3D40561-0277-4723-C4B3-66B0948EC93D}"/>
          </ac:spMkLst>
        </pc:spChg>
      </pc:sldChg>
      <pc:sldChg chg="modSp new del mod">
        <pc:chgData name="Gilbert, Andre-Anan" userId="9702a563-eab5-4d2a-ab37-425108274ca8" providerId="ADAL" clId="{C687B96A-7ECE-FC4F-9A33-918ABF12B773}" dt="2023-11-13T14:11:40.275" v="5897" actId="2696"/>
        <pc:sldMkLst>
          <pc:docMk/>
          <pc:sldMk cId="4026387529" sldId="389"/>
        </pc:sldMkLst>
        <pc:spChg chg="mod">
          <ac:chgData name="Gilbert, Andre-Anan" userId="9702a563-eab5-4d2a-ab37-425108274ca8" providerId="ADAL" clId="{C687B96A-7ECE-FC4F-9A33-918ABF12B773}" dt="2023-11-13T14:11:14.666" v="5894"/>
          <ac:spMkLst>
            <pc:docMk/>
            <pc:sldMk cId="4026387529" sldId="389"/>
            <ac:spMk id="4" creationId="{543EC02E-1054-DADD-8C90-9327D261D399}"/>
          </ac:spMkLst>
        </pc:spChg>
      </pc:sldChg>
      <pc:sldChg chg="addSp delSp modSp new mod modTransition modShow modNotesTx">
        <pc:chgData name="Gilbert, Andre-Anan" userId="9702a563-eab5-4d2a-ab37-425108274ca8" providerId="ADAL" clId="{C687B96A-7ECE-FC4F-9A33-918ABF12B773}" dt="2024-01-24T20:19:15.437" v="10006" actId="729"/>
        <pc:sldMkLst>
          <pc:docMk/>
          <pc:sldMk cId="469142653" sldId="390"/>
        </pc:sldMkLst>
        <pc:spChg chg="del mod">
          <ac:chgData name="Gilbert, Andre-Anan" userId="9702a563-eab5-4d2a-ab37-425108274ca8" providerId="ADAL" clId="{C687B96A-7ECE-FC4F-9A33-918ABF12B773}" dt="2023-11-13T14:45:52.796" v="6062" actId="931"/>
          <ac:spMkLst>
            <pc:docMk/>
            <pc:sldMk cId="469142653" sldId="390"/>
            <ac:spMk id="2" creationId="{E4D45BF2-A4F7-1D84-3E5F-45E9ABB18D07}"/>
          </ac:spMkLst>
        </pc:spChg>
        <pc:spChg chg="mod">
          <ac:chgData name="Gilbert, Andre-Anan" userId="9702a563-eab5-4d2a-ab37-425108274ca8" providerId="ADAL" clId="{C687B96A-7ECE-FC4F-9A33-918ABF12B773}" dt="2024-01-09T14:54:45.249" v="9822" actId="20577"/>
          <ac:spMkLst>
            <pc:docMk/>
            <pc:sldMk cId="469142653" sldId="390"/>
            <ac:spMk id="3" creationId="{C76586F9-C790-8A17-C177-B8A31FAF1154}"/>
          </ac:spMkLst>
        </pc:spChg>
        <pc:spChg chg="mod">
          <ac:chgData name="Gilbert, Andre-Anan" userId="9702a563-eab5-4d2a-ab37-425108274ca8" providerId="ADAL" clId="{C687B96A-7ECE-FC4F-9A33-918ABF12B773}" dt="2024-01-09T14:54:39.519" v="9816" actId="20577"/>
          <ac:spMkLst>
            <pc:docMk/>
            <pc:sldMk cId="469142653" sldId="390"/>
            <ac:spMk id="4" creationId="{77B38EB8-FACC-E82D-26CB-9022DD294644}"/>
          </ac:spMkLst>
        </pc:spChg>
        <pc:picChg chg="add mod modCrop">
          <ac:chgData name="Gilbert, Andre-Anan" userId="9702a563-eab5-4d2a-ab37-425108274ca8" providerId="ADAL" clId="{C687B96A-7ECE-FC4F-9A33-918ABF12B773}" dt="2023-11-13T15:36:55.702" v="7055" actId="14861"/>
          <ac:picMkLst>
            <pc:docMk/>
            <pc:sldMk cId="469142653" sldId="390"/>
            <ac:picMk id="6" creationId="{C2AC9CB4-58E8-8FE4-808E-3F3231419472}"/>
          </ac:picMkLst>
        </pc:picChg>
      </pc:sldChg>
      <pc:sldChg chg="addSp delSp modSp new mod modShow">
        <pc:chgData name="Gilbert, Andre-Anan" userId="9702a563-eab5-4d2a-ab37-425108274ca8" providerId="ADAL" clId="{C687B96A-7ECE-FC4F-9A33-918ABF12B773}" dt="2024-02-07T04:49:23.276" v="10325" actId="20577"/>
        <pc:sldMkLst>
          <pc:docMk/>
          <pc:sldMk cId="1003500144" sldId="391"/>
        </pc:sldMkLst>
        <pc:spChg chg="mod">
          <ac:chgData name="Gilbert, Andre-Anan" userId="9702a563-eab5-4d2a-ab37-425108274ca8" providerId="ADAL" clId="{C687B96A-7ECE-FC4F-9A33-918ABF12B773}" dt="2024-02-07T04:49:23.276" v="10325" actId="20577"/>
          <ac:spMkLst>
            <pc:docMk/>
            <pc:sldMk cId="1003500144" sldId="391"/>
            <ac:spMk id="2" creationId="{C47B7896-6C03-C330-5881-3470E7891A02}"/>
          </ac:spMkLst>
        </pc:spChg>
        <pc:spChg chg="del">
          <ac:chgData name="Gilbert, Andre-Anan" userId="9702a563-eab5-4d2a-ab37-425108274ca8" providerId="ADAL" clId="{C687B96A-7ECE-FC4F-9A33-918ABF12B773}" dt="2023-11-22T19:48:22.415" v="7966" actId="931"/>
          <ac:spMkLst>
            <pc:docMk/>
            <pc:sldMk cId="1003500144" sldId="391"/>
            <ac:spMk id="3" creationId="{E8FD1731-57D8-CA31-C04C-CD4228E108EC}"/>
          </ac:spMkLst>
        </pc:spChg>
        <pc:spChg chg="mod">
          <ac:chgData name="Gilbert, Andre-Anan" userId="9702a563-eab5-4d2a-ab37-425108274ca8" providerId="ADAL" clId="{C687B96A-7ECE-FC4F-9A33-918ABF12B773}" dt="2024-01-09T14:56:27.499" v="9887" actId="20577"/>
          <ac:spMkLst>
            <pc:docMk/>
            <pc:sldMk cId="1003500144" sldId="391"/>
            <ac:spMk id="4" creationId="{814F7FB4-7F4A-8416-C651-C020DF07EA4B}"/>
          </ac:spMkLst>
        </pc:spChg>
        <pc:spChg chg="del">
          <ac:chgData name="Gilbert, Andre-Anan" userId="9702a563-eab5-4d2a-ab37-425108274ca8" providerId="ADAL" clId="{C687B96A-7ECE-FC4F-9A33-918ABF12B773}" dt="2023-11-22T19:48:18.880" v="7965" actId="931"/>
          <ac:spMkLst>
            <pc:docMk/>
            <pc:sldMk cId="1003500144" sldId="391"/>
            <ac:spMk id="5" creationId="{F04CF0AB-D315-8063-A2B3-80D22C64140C}"/>
          </ac:spMkLst>
        </pc:spChg>
        <pc:spChg chg="mod">
          <ac:chgData name="Gilbert, Andre-Anan" userId="9702a563-eab5-4d2a-ab37-425108274ca8" providerId="ADAL" clId="{C687B96A-7ECE-FC4F-9A33-918ABF12B773}" dt="2023-11-23T09:25:06.387" v="8701" actId="20577"/>
          <ac:spMkLst>
            <pc:docMk/>
            <pc:sldMk cId="1003500144" sldId="391"/>
            <ac:spMk id="6" creationId="{E35C7AD1-690E-5655-C319-141879AC2397}"/>
          </ac:spMkLst>
        </pc:spChg>
        <pc:spChg chg="del">
          <ac:chgData name="Gilbert, Andre-Anan" userId="9702a563-eab5-4d2a-ab37-425108274ca8" providerId="ADAL" clId="{C687B96A-7ECE-FC4F-9A33-918ABF12B773}" dt="2023-11-22T19:22:41.233" v="7860" actId="931"/>
          <ac:spMkLst>
            <pc:docMk/>
            <pc:sldMk cId="1003500144" sldId="391"/>
            <ac:spMk id="7" creationId="{C118E8C3-B38F-52E2-CFB1-38F4D4679622}"/>
          </ac:spMkLst>
        </pc:spChg>
        <pc:spChg chg="mod">
          <ac:chgData name="Gilbert, Andre-Anan" userId="9702a563-eab5-4d2a-ab37-425108274ca8" providerId="ADAL" clId="{C687B96A-7ECE-FC4F-9A33-918ABF12B773}" dt="2024-01-09T14:56:24.945" v="9885" actId="20577"/>
          <ac:spMkLst>
            <pc:docMk/>
            <pc:sldMk cId="1003500144" sldId="391"/>
            <ac:spMk id="8" creationId="{F898ECAC-2C04-E039-4468-686E101C91D1}"/>
          </ac:spMkLst>
        </pc:spChg>
        <pc:spChg chg="del">
          <ac:chgData name="Gilbert, Andre-Anan" userId="9702a563-eab5-4d2a-ab37-425108274ca8" providerId="ADAL" clId="{C687B96A-7ECE-FC4F-9A33-918ABF12B773}" dt="2023-11-22T19:20:13.456" v="7856" actId="931"/>
          <ac:spMkLst>
            <pc:docMk/>
            <pc:sldMk cId="1003500144" sldId="391"/>
            <ac:spMk id="9" creationId="{913E280E-5113-5F72-63AA-0634B1E89F73}"/>
          </ac:spMkLst>
        </pc:spChg>
        <pc:spChg chg="mod">
          <ac:chgData name="Gilbert, Andre-Anan" userId="9702a563-eab5-4d2a-ab37-425108274ca8" providerId="ADAL" clId="{C687B96A-7ECE-FC4F-9A33-918ABF12B773}" dt="2024-02-06T08:18:32.986" v="10282" actId="20577"/>
          <ac:spMkLst>
            <pc:docMk/>
            <pc:sldMk cId="1003500144" sldId="391"/>
            <ac:spMk id="10" creationId="{3CAFF503-6C95-77F9-B68F-380CF40CFF93}"/>
          </ac:spMkLst>
        </pc:spChg>
        <pc:spChg chg="add del mod">
          <ac:chgData name="Gilbert, Andre-Anan" userId="9702a563-eab5-4d2a-ab37-425108274ca8" providerId="ADAL" clId="{C687B96A-7ECE-FC4F-9A33-918ABF12B773}" dt="2023-11-22T19:22:37.639" v="7859" actId="931"/>
          <ac:spMkLst>
            <pc:docMk/>
            <pc:sldMk cId="1003500144" sldId="391"/>
            <ac:spMk id="14" creationId="{A5187552-5093-C558-BD34-E0CF09F886A1}"/>
          </ac:spMkLst>
        </pc:spChg>
        <pc:spChg chg="add del mod">
          <ac:chgData name="Gilbert, Andre-Anan" userId="9702a563-eab5-4d2a-ab37-425108274ca8" providerId="ADAL" clId="{C687B96A-7ECE-FC4F-9A33-918ABF12B773}" dt="2023-11-22T19:48:08.576" v="7963" actId="931"/>
          <ac:spMkLst>
            <pc:docMk/>
            <pc:sldMk cId="1003500144" sldId="391"/>
            <ac:spMk id="20" creationId="{5C196DA4-E449-127F-E0AE-023FF71D00A8}"/>
          </ac:spMkLst>
        </pc:spChg>
        <pc:spChg chg="add del mod">
          <ac:chgData name="Gilbert, Andre-Anan" userId="9702a563-eab5-4d2a-ab37-425108274ca8" providerId="ADAL" clId="{C687B96A-7ECE-FC4F-9A33-918ABF12B773}" dt="2023-11-22T19:48:14.057" v="7964" actId="931"/>
          <ac:spMkLst>
            <pc:docMk/>
            <pc:sldMk cId="1003500144" sldId="391"/>
            <ac:spMk id="22" creationId="{A750BDCE-576D-70E5-A88D-7EF4F45881E1}"/>
          </ac:spMkLst>
        </pc:spChg>
        <pc:spChg chg="add del mod">
          <ac:chgData name="Gilbert, Andre-Anan" userId="9702a563-eab5-4d2a-ab37-425108274ca8" providerId="ADAL" clId="{C687B96A-7ECE-FC4F-9A33-918ABF12B773}" dt="2023-11-22T19:50:55.314" v="7976" actId="931"/>
          <ac:spMkLst>
            <pc:docMk/>
            <pc:sldMk cId="1003500144" sldId="391"/>
            <ac:spMk id="32" creationId="{2619E39D-6444-5942-9719-202ED2BBEB19}"/>
          </ac:spMkLst>
        </pc:spChg>
        <pc:spChg chg="add del mod">
          <ac:chgData name="Gilbert, Andre-Anan" userId="9702a563-eab5-4d2a-ab37-425108274ca8" providerId="ADAL" clId="{C687B96A-7ECE-FC4F-9A33-918ABF12B773}" dt="2023-11-22T19:51:03.503" v="7977" actId="931"/>
          <ac:spMkLst>
            <pc:docMk/>
            <pc:sldMk cId="1003500144" sldId="391"/>
            <ac:spMk id="34" creationId="{E0DD8ED1-2F9D-50F7-19BC-B4E7BDE27E50}"/>
          </ac:spMkLst>
        </pc:spChg>
        <pc:spChg chg="add del mod">
          <ac:chgData name="Gilbert, Andre-Anan" userId="9702a563-eab5-4d2a-ab37-425108274ca8" providerId="ADAL" clId="{C687B96A-7ECE-FC4F-9A33-918ABF12B773}" dt="2023-11-22T19:51:07.209" v="7978" actId="931"/>
          <ac:spMkLst>
            <pc:docMk/>
            <pc:sldMk cId="1003500144" sldId="391"/>
            <ac:spMk id="36" creationId="{8E83A1D7-F2D6-71D1-69CE-6CC61C73961D}"/>
          </ac:spMkLst>
        </pc:spChg>
        <pc:spChg chg="add del mod">
          <ac:chgData name="Gilbert, Andre-Anan" userId="9702a563-eab5-4d2a-ab37-425108274ca8" providerId="ADAL" clId="{C687B96A-7ECE-FC4F-9A33-918ABF12B773}" dt="2023-11-22T19:51:10.054" v="7979" actId="931"/>
          <ac:spMkLst>
            <pc:docMk/>
            <pc:sldMk cId="1003500144" sldId="391"/>
            <ac:spMk id="38" creationId="{C4CC701B-F6FC-D443-F353-A20055A16E24}"/>
          </ac:spMkLst>
        </pc:spChg>
        <pc:spChg chg="add del">
          <ac:chgData name="Gilbert, Andre-Anan" userId="9702a563-eab5-4d2a-ab37-425108274ca8" providerId="ADAL" clId="{C687B96A-7ECE-FC4F-9A33-918ABF12B773}" dt="2023-11-23T09:03:16.939" v="8286" actId="478"/>
          <ac:spMkLst>
            <pc:docMk/>
            <pc:sldMk cId="1003500144" sldId="391"/>
            <ac:spMk id="48" creationId="{14EE0B2D-861F-BE96-2856-B8B425E288EF}"/>
          </ac:spMkLst>
        </pc:spChg>
        <pc:picChg chg="add del mod">
          <ac:chgData name="Gilbert, Andre-Anan" userId="9702a563-eab5-4d2a-ab37-425108274ca8" providerId="ADAL" clId="{C687B96A-7ECE-FC4F-9A33-918ABF12B773}" dt="2023-11-22T19:21:50.749" v="7858" actId="478"/>
          <ac:picMkLst>
            <pc:docMk/>
            <pc:sldMk cId="1003500144" sldId="391"/>
            <ac:picMk id="12" creationId="{105D606A-78CE-8A3B-8101-2D8A334F8664}"/>
          </ac:picMkLst>
        </pc:picChg>
        <pc:picChg chg="add del mod">
          <ac:chgData name="Gilbert, Andre-Anan" userId="9702a563-eab5-4d2a-ab37-425108274ca8" providerId="ADAL" clId="{C687B96A-7ECE-FC4F-9A33-918ABF12B773}" dt="2023-11-22T19:23:31.869" v="7865" actId="478"/>
          <ac:picMkLst>
            <pc:docMk/>
            <pc:sldMk cId="1003500144" sldId="391"/>
            <ac:picMk id="16" creationId="{15D17F01-4F95-52D4-FE6D-6A60A2DC3D56}"/>
          </ac:picMkLst>
        </pc:picChg>
        <pc:picChg chg="add del mod">
          <ac:chgData name="Gilbert, Andre-Anan" userId="9702a563-eab5-4d2a-ab37-425108274ca8" providerId="ADAL" clId="{C687B96A-7ECE-FC4F-9A33-918ABF12B773}" dt="2023-11-22T19:23:33.451" v="7866" actId="478"/>
          <ac:picMkLst>
            <pc:docMk/>
            <pc:sldMk cId="1003500144" sldId="391"/>
            <ac:picMk id="18" creationId="{CC02357E-205A-FED8-1250-B7BAB77867E0}"/>
          </ac:picMkLst>
        </pc:picChg>
        <pc:picChg chg="add del mod">
          <ac:chgData name="Gilbert, Andre-Anan" userId="9702a563-eab5-4d2a-ab37-425108274ca8" providerId="ADAL" clId="{C687B96A-7ECE-FC4F-9A33-918ABF12B773}" dt="2023-11-22T19:49:28.202" v="7972" actId="478"/>
          <ac:picMkLst>
            <pc:docMk/>
            <pc:sldMk cId="1003500144" sldId="391"/>
            <ac:picMk id="24" creationId="{3092249C-EE4F-2513-EF33-77108DF59FD2}"/>
          </ac:picMkLst>
        </pc:picChg>
        <pc:picChg chg="add del mod">
          <ac:chgData name="Gilbert, Andre-Anan" userId="9702a563-eab5-4d2a-ab37-425108274ca8" providerId="ADAL" clId="{C687B96A-7ECE-FC4F-9A33-918ABF12B773}" dt="2023-11-22T19:49:29.318" v="7973" actId="478"/>
          <ac:picMkLst>
            <pc:docMk/>
            <pc:sldMk cId="1003500144" sldId="391"/>
            <ac:picMk id="26" creationId="{EEAB9595-1629-878B-6FDF-2B2B8A9DC4BC}"/>
          </ac:picMkLst>
        </pc:picChg>
        <pc:picChg chg="add del mod">
          <ac:chgData name="Gilbert, Andre-Anan" userId="9702a563-eab5-4d2a-ab37-425108274ca8" providerId="ADAL" clId="{C687B96A-7ECE-FC4F-9A33-918ABF12B773}" dt="2023-11-22T19:49:30.455" v="7974" actId="478"/>
          <ac:picMkLst>
            <pc:docMk/>
            <pc:sldMk cId="1003500144" sldId="391"/>
            <ac:picMk id="28" creationId="{64EA0CD9-02F1-E112-5659-7391D3204513}"/>
          </ac:picMkLst>
        </pc:picChg>
        <pc:picChg chg="add del mod">
          <ac:chgData name="Gilbert, Andre-Anan" userId="9702a563-eab5-4d2a-ab37-425108274ca8" providerId="ADAL" clId="{C687B96A-7ECE-FC4F-9A33-918ABF12B773}" dt="2023-11-22T19:49:31.642" v="7975" actId="478"/>
          <ac:picMkLst>
            <pc:docMk/>
            <pc:sldMk cId="1003500144" sldId="391"/>
            <ac:picMk id="30" creationId="{F48AB4E4-34B6-7E4B-028E-DBA2F84EED23}"/>
          </ac:picMkLst>
        </pc:picChg>
        <pc:picChg chg="add mod">
          <ac:chgData name="Gilbert, Andre-Anan" userId="9702a563-eab5-4d2a-ab37-425108274ca8" providerId="ADAL" clId="{C687B96A-7ECE-FC4F-9A33-918ABF12B773}" dt="2023-11-23T08:22:48.509" v="8035" actId="108"/>
          <ac:picMkLst>
            <pc:docMk/>
            <pc:sldMk cId="1003500144" sldId="391"/>
            <ac:picMk id="40" creationId="{FC23F580-3D0B-0767-6929-686D8DB0F406}"/>
          </ac:picMkLst>
        </pc:picChg>
        <pc:picChg chg="add mod">
          <ac:chgData name="Gilbert, Andre-Anan" userId="9702a563-eab5-4d2a-ab37-425108274ca8" providerId="ADAL" clId="{C687B96A-7ECE-FC4F-9A33-918ABF12B773}" dt="2023-11-23T08:22:50.826" v="8036" actId="108"/>
          <ac:picMkLst>
            <pc:docMk/>
            <pc:sldMk cId="1003500144" sldId="391"/>
            <ac:picMk id="42" creationId="{CBE83974-70B6-53BD-044D-06EDCFD07FE8}"/>
          </ac:picMkLst>
        </pc:picChg>
        <pc:picChg chg="add mod">
          <ac:chgData name="Gilbert, Andre-Anan" userId="9702a563-eab5-4d2a-ab37-425108274ca8" providerId="ADAL" clId="{C687B96A-7ECE-FC4F-9A33-918ABF12B773}" dt="2023-11-23T08:22:53.334" v="8037" actId="108"/>
          <ac:picMkLst>
            <pc:docMk/>
            <pc:sldMk cId="1003500144" sldId="391"/>
            <ac:picMk id="44" creationId="{A52D1279-9311-646A-48AB-76B81E022615}"/>
          </ac:picMkLst>
        </pc:picChg>
        <pc:picChg chg="add mod">
          <ac:chgData name="Gilbert, Andre-Anan" userId="9702a563-eab5-4d2a-ab37-425108274ca8" providerId="ADAL" clId="{C687B96A-7ECE-FC4F-9A33-918ABF12B773}" dt="2023-11-23T08:22:55.532" v="8038" actId="108"/>
          <ac:picMkLst>
            <pc:docMk/>
            <pc:sldMk cId="1003500144" sldId="391"/>
            <ac:picMk id="46" creationId="{61FA7B7E-3C3B-5D26-5B64-315F4D17CF62}"/>
          </ac:picMkLst>
        </pc:picChg>
      </pc:sldChg>
      <pc:sldChg chg="addSp modSp new del mod">
        <pc:chgData name="Gilbert, Andre-Anan" userId="9702a563-eab5-4d2a-ab37-425108274ca8" providerId="ADAL" clId="{C687B96A-7ECE-FC4F-9A33-918ABF12B773}" dt="2023-11-22T15:17:37.527" v="7537" actId="2696"/>
        <pc:sldMkLst>
          <pc:docMk/>
          <pc:sldMk cId="1894967565" sldId="391"/>
        </pc:sldMkLst>
        <pc:spChg chg="mod">
          <ac:chgData name="Gilbert, Andre-Anan" userId="9702a563-eab5-4d2a-ab37-425108274ca8" providerId="ADAL" clId="{C687B96A-7ECE-FC4F-9A33-918ABF12B773}" dt="2023-11-22T15:12:52.262" v="7424" actId="12"/>
          <ac:spMkLst>
            <pc:docMk/>
            <pc:sldMk cId="1894967565" sldId="391"/>
            <ac:spMk id="2" creationId="{D8B891A4-8387-9C64-6909-DB61499D8040}"/>
          </ac:spMkLst>
        </pc:spChg>
        <pc:spChg chg="mod">
          <ac:chgData name="Gilbert, Andre-Anan" userId="9702a563-eab5-4d2a-ab37-425108274ca8" providerId="ADAL" clId="{C687B96A-7ECE-FC4F-9A33-918ABF12B773}" dt="2023-11-22T14:57:14.126" v="7340" actId="207"/>
          <ac:spMkLst>
            <pc:docMk/>
            <pc:sldMk cId="1894967565" sldId="391"/>
            <ac:spMk id="3" creationId="{F21BC013-7B1D-B93A-48F6-6A4482AE7FAE}"/>
          </ac:spMkLst>
        </pc:spChg>
        <pc:spChg chg="add">
          <ac:chgData name="Gilbert, Andre-Anan" userId="9702a563-eab5-4d2a-ab37-425108274ca8" providerId="ADAL" clId="{C687B96A-7ECE-FC4F-9A33-918ABF12B773}" dt="2023-11-22T15:16:56.218" v="7534" actId="11529"/>
          <ac:spMkLst>
            <pc:docMk/>
            <pc:sldMk cId="1894967565" sldId="391"/>
            <ac:spMk id="6" creationId="{FD726E56-156F-593D-4AEB-8EF94710FE08}"/>
          </ac:spMkLst>
        </pc:spChg>
        <pc:picChg chg="add mod">
          <ac:chgData name="Gilbert, Andre-Anan" userId="9702a563-eab5-4d2a-ab37-425108274ca8" providerId="ADAL" clId="{C687B96A-7ECE-FC4F-9A33-918ABF12B773}" dt="2023-11-22T15:13:55.722" v="7533" actId="29295"/>
          <ac:picMkLst>
            <pc:docMk/>
            <pc:sldMk cId="1894967565" sldId="391"/>
            <ac:picMk id="5" creationId="{D7665F5A-45E6-D1DF-9B89-67811FF578D0}"/>
          </ac:picMkLst>
        </pc:picChg>
      </pc:sldChg>
      <pc:sldChg chg="modSp new del mod">
        <pc:chgData name="Gilbert, Andre-Anan" userId="9702a563-eab5-4d2a-ab37-425108274ca8" providerId="ADAL" clId="{C687B96A-7ECE-FC4F-9A33-918ABF12B773}" dt="2023-11-13T15:20:07.223" v="6760" actId="2696"/>
        <pc:sldMkLst>
          <pc:docMk/>
          <pc:sldMk cId="2578621936" sldId="391"/>
        </pc:sldMkLst>
        <pc:spChg chg="mod">
          <ac:chgData name="Gilbert, Andre-Anan" userId="9702a563-eab5-4d2a-ab37-425108274ca8" providerId="ADAL" clId="{C687B96A-7ECE-FC4F-9A33-918ABF12B773}" dt="2023-11-13T15:20:04.421" v="6759" actId="20577"/>
          <ac:spMkLst>
            <pc:docMk/>
            <pc:sldMk cId="2578621936" sldId="391"/>
            <ac:spMk id="2" creationId="{D28FD2F4-107F-90A8-87BE-8B388543E196}"/>
          </ac:spMkLst>
        </pc:spChg>
      </pc:sldChg>
      <pc:sldChg chg="addSp modSp new del ord">
        <pc:chgData name="Gilbert, Andre-Anan" userId="9702a563-eab5-4d2a-ab37-425108274ca8" providerId="ADAL" clId="{C687B96A-7ECE-FC4F-9A33-918ABF12B773}" dt="2023-11-13T16:02:41.486" v="7130" actId="2696"/>
        <pc:sldMkLst>
          <pc:docMk/>
          <pc:sldMk cId="3117427421" sldId="391"/>
        </pc:sldMkLst>
        <pc:picChg chg="add mod">
          <ac:chgData name="Gilbert, Andre-Anan" userId="9702a563-eab5-4d2a-ab37-425108274ca8" providerId="ADAL" clId="{C687B96A-7ECE-FC4F-9A33-918ABF12B773}" dt="2023-11-13T15:59:59.403" v="7120" actId="931"/>
          <ac:picMkLst>
            <pc:docMk/>
            <pc:sldMk cId="3117427421" sldId="391"/>
            <ac:picMk id="3" creationId="{C0C221EA-DB9C-798D-F4A8-F56B18CDB744}"/>
          </ac:picMkLst>
        </pc:picChg>
      </pc:sldChg>
      <pc:sldChg chg="addSp modSp new del mod">
        <pc:chgData name="Gilbert, Andre-Anan" userId="9702a563-eab5-4d2a-ab37-425108274ca8" providerId="ADAL" clId="{C687B96A-7ECE-FC4F-9A33-918ABF12B773}" dt="2023-11-22T15:31:42.695" v="7678" actId="2696"/>
        <pc:sldMkLst>
          <pc:docMk/>
          <pc:sldMk cId="275181504" sldId="392"/>
        </pc:sldMkLst>
        <pc:spChg chg="mod">
          <ac:chgData name="Gilbert, Andre-Anan" userId="9702a563-eab5-4d2a-ab37-425108274ca8" providerId="ADAL" clId="{C687B96A-7ECE-FC4F-9A33-918ABF12B773}" dt="2023-11-22T15:21:31.435" v="7591" actId="207"/>
          <ac:spMkLst>
            <pc:docMk/>
            <pc:sldMk cId="275181504" sldId="392"/>
            <ac:spMk id="2" creationId="{6B95C0C0-0389-4462-75F0-4F1475DE1E6A}"/>
          </ac:spMkLst>
        </pc:spChg>
        <pc:spChg chg="mod">
          <ac:chgData name="Gilbert, Andre-Anan" userId="9702a563-eab5-4d2a-ab37-425108274ca8" providerId="ADAL" clId="{C687B96A-7ECE-FC4F-9A33-918ABF12B773}" dt="2023-11-22T15:17:47.354" v="7546" actId="207"/>
          <ac:spMkLst>
            <pc:docMk/>
            <pc:sldMk cId="275181504" sldId="392"/>
            <ac:spMk id="3" creationId="{9CEA661E-3DF1-2362-9844-06DA469DC62B}"/>
          </ac:spMkLst>
        </pc:spChg>
        <pc:spChg chg="add mod">
          <ac:chgData name="Gilbert, Andre-Anan" userId="9702a563-eab5-4d2a-ab37-425108274ca8" providerId="ADAL" clId="{C687B96A-7ECE-FC4F-9A33-918ABF12B773}" dt="2023-11-22T15:22:24.130" v="7677" actId="207"/>
          <ac:spMkLst>
            <pc:docMk/>
            <pc:sldMk cId="275181504" sldId="392"/>
            <ac:spMk id="5" creationId="{7BA46B0D-D758-A59C-9A7F-21BC9F34DB8D}"/>
          </ac:spMkLst>
        </pc:spChg>
        <pc:picChg chg="add mod">
          <ac:chgData name="Gilbert, Andre-Anan" userId="9702a563-eab5-4d2a-ab37-425108274ca8" providerId="ADAL" clId="{C687B96A-7ECE-FC4F-9A33-918ABF12B773}" dt="2023-11-22T15:20:58.183" v="7588" actId="167"/>
          <ac:picMkLst>
            <pc:docMk/>
            <pc:sldMk cId="275181504" sldId="392"/>
            <ac:picMk id="4" creationId="{5310C503-7810-E329-154A-54BB958134E9}"/>
          </ac:picMkLst>
        </pc:picChg>
      </pc:sldChg>
      <pc:sldChg chg="addSp delSp modSp new mod setBg">
        <pc:chgData name="Gilbert, Andre-Anan" userId="9702a563-eab5-4d2a-ab37-425108274ca8" providerId="ADAL" clId="{C687B96A-7ECE-FC4F-9A33-918ABF12B773}" dt="2024-02-02T16:02:38.563" v="10187" actId="108"/>
        <pc:sldMkLst>
          <pc:docMk/>
          <pc:sldMk cId="3233891552" sldId="392"/>
        </pc:sldMkLst>
        <pc:spChg chg="add mod">
          <ac:chgData name="Gilbert, Andre-Anan" userId="9702a563-eab5-4d2a-ab37-425108274ca8" providerId="ADAL" clId="{C687B96A-7ECE-FC4F-9A33-918ABF12B773}" dt="2024-02-02T16:02:38.563" v="10187" actId="108"/>
          <ac:spMkLst>
            <pc:docMk/>
            <pc:sldMk cId="3233891552" sldId="392"/>
            <ac:spMk id="3" creationId="{EF331CBA-F754-2068-39EE-0BB00847F9BF}"/>
          </ac:spMkLst>
        </pc:spChg>
        <pc:spChg chg="add mod">
          <ac:chgData name="Gilbert, Andre-Anan" userId="9702a563-eab5-4d2a-ab37-425108274ca8" providerId="ADAL" clId="{C687B96A-7ECE-FC4F-9A33-918ABF12B773}" dt="2024-01-17T16:46:30.668" v="9943" actId="20577"/>
          <ac:spMkLst>
            <pc:docMk/>
            <pc:sldMk cId="3233891552" sldId="392"/>
            <ac:spMk id="4" creationId="{3B0D5578-A4A5-57EC-FDF0-1968D9495193}"/>
          </ac:spMkLst>
        </pc:spChg>
        <pc:spChg chg="add mod">
          <ac:chgData name="Gilbert, Andre-Anan" userId="9702a563-eab5-4d2a-ab37-425108274ca8" providerId="ADAL" clId="{C687B96A-7ECE-FC4F-9A33-918ABF12B773}" dt="2024-01-17T16:46:35.798" v="9949" actId="20577"/>
          <ac:spMkLst>
            <pc:docMk/>
            <pc:sldMk cId="3233891552" sldId="392"/>
            <ac:spMk id="5" creationId="{43244582-055F-909F-F3D4-FDFB10ECA533}"/>
          </ac:spMkLst>
        </pc:spChg>
        <pc:spChg chg="add del mod">
          <ac:chgData name="Gilbert, Andre-Anan" userId="9702a563-eab5-4d2a-ab37-425108274ca8" providerId="ADAL" clId="{C687B96A-7ECE-FC4F-9A33-918ABF12B773}" dt="2024-01-17T16:45:27.545" v="9931"/>
          <ac:spMkLst>
            <pc:docMk/>
            <pc:sldMk cId="3233891552" sldId="392"/>
            <ac:spMk id="6" creationId="{4A683605-FE3D-54B8-61DE-2CF5ABC5BDEA}"/>
          </ac:spMkLst>
        </pc:spChg>
        <pc:spChg chg="add mod">
          <ac:chgData name="Gilbert, Andre-Anan" userId="9702a563-eab5-4d2a-ab37-425108274ca8" providerId="ADAL" clId="{C687B96A-7ECE-FC4F-9A33-918ABF12B773}" dt="2024-02-02T16:02:25.928" v="10185" actId="1076"/>
          <ac:spMkLst>
            <pc:docMk/>
            <pc:sldMk cId="3233891552" sldId="392"/>
            <ac:spMk id="7" creationId="{6AEB0CEE-2860-1F05-2F00-C9683AF214ED}"/>
          </ac:spMkLst>
        </pc:spChg>
        <pc:spChg chg="add mod">
          <ac:chgData name="Gilbert, Andre-Anan" userId="9702a563-eab5-4d2a-ab37-425108274ca8" providerId="ADAL" clId="{C687B96A-7ECE-FC4F-9A33-918ABF12B773}" dt="2024-01-17T16:46:53.698" v="9952"/>
          <ac:spMkLst>
            <pc:docMk/>
            <pc:sldMk cId="3233891552" sldId="392"/>
            <ac:spMk id="8" creationId="{BCBAC2F7-33AC-A8E4-095A-F00E79BA1AE5}"/>
          </ac:spMkLst>
        </pc:spChg>
        <pc:picChg chg="add mod">
          <ac:chgData name="Gilbert, Andre-Anan" userId="9702a563-eab5-4d2a-ab37-425108274ca8" providerId="ADAL" clId="{C687B96A-7ECE-FC4F-9A33-918ABF12B773}" dt="2024-01-17T16:43:01.068" v="9903"/>
          <ac:picMkLst>
            <pc:docMk/>
            <pc:sldMk cId="3233891552" sldId="392"/>
            <ac:picMk id="2" creationId="{A37815FC-FDA6-90A2-1D9F-2E41A1AE0308}"/>
          </ac:picMkLst>
        </pc:picChg>
      </pc:sldChg>
      <pc:sldChg chg="modSp add del mod">
        <pc:chgData name="Gilbert, Andre-Anan" userId="9702a563-eab5-4d2a-ab37-425108274ca8" providerId="ADAL" clId="{C687B96A-7ECE-FC4F-9A33-918ABF12B773}" dt="2023-11-22T19:54:28.159" v="7999" actId="2696"/>
        <pc:sldMkLst>
          <pc:docMk/>
          <pc:sldMk cId="3520630469" sldId="392"/>
        </pc:sldMkLst>
        <pc:picChg chg="mod">
          <ac:chgData name="Gilbert, Andre-Anan" userId="9702a563-eab5-4d2a-ab37-425108274ca8" providerId="ADAL" clId="{C687B96A-7ECE-FC4F-9A33-918ABF12B773}" dt="2023-11-22T19:53:30.278" v="7995" actId="14861"/>
          <ac:picMkLst>
            <pc:docMk/>
            <pc:sldMk cId="3520630469" sldId="392"/>
            <ac:picMk id="40" creationId="{FC23F580-3D0B-0767-6929-686D8DB0F406}"/>
          </ac:picMkLst>
        </pc:picChg>
        <pc:picChg chg="mod">
          <ac:chgData name="Gilbert, Andre-Anan" userId="9702a563-eab5-4d2a-ab37-425108274ca8" providerId="ADAL" clId="{C687B96A-7ECE-FC4F-9A33-918ABF12B773}" dt="2023-11-22T19:53:32.686" v="7996" actId="108"/>
          <ac:picMkLst>
            <pc:docMk/>
            <pc:sldMk cId="3520630469" sldId="392"/>
            <ac:picMk id="42" creationId="{CBE83974-70B6-53BD-044D-06EDCFD07FE8}"/>
          </ac:picMkLst>
        </pc:picChg>
        <pc:picChg chg="mod">
          <ac:chgData name="Gilbert, Andre-Anan" userId="9702a563-eab5-4d2a-ab37-425108274ca8" providerId="ADAL" clId="{C687B96A-7ECE-FC4F-9A33-918ABF12B773}" dt="2023-11-22T19:53:34.407" v="7997" actId="108"/>
          <ac:picMkLst>
            <pc:docMk/>
            <pc:sldMk cId="3520630469" sldId="392"/>
            <ac:picMk id="44" creationId="{A52D1279-9311-646A-48AB-76B81E022615}"/>
          </ac:picMkLst>
        </pc:picChg>
        <pc:picChg chg="mod">
          <ac:chgData name="Gilbert, Andre-Anan" userId="9702a563-eab5-4d2a-ab37-425108274ca8" providerId="ADAL" clId="{C687B96A-7ECE-FC4F-9A33-918ABF12B773}" dt="2023-11-22T19:53:36.921" v="7998" actId="108"/>
          <ac:picMkLst>
            <pc:docMk/>
            <pc:sldMk cId="3520630469" sldId="392"/>
            <ac:picMk id="46" creationId="{61FA7B7E-3C3B-5D26-5B64-315F4D17CF62}"/>
          </ac:picMkLst>
        </pc:picChg>
      </pc:sldChg>
      <pc:sldChg chg="modSp add del mod">
        <pc:chgData name="Gilbert, Andre-Anan" userId="9702a563-eab5-4d2a-ab37-425108274ca8" providerId="ADAL" clId="{C687B96A-7ECE-FC4F-9A33-918ABF12B773}" dt="2024-02-02T16:02:44.861" v="10188" actId="2696"/>
        <pc:sldMkLst>
          <pc:docMk/>
          <pc:sldMk cId="1799687991" sldId="393"/>
        </pc:sldMkLst>
        <pc:spChg chg="mod">
          <ac:chgData name="Gilbert, Andre-Anan" userId="9702a563-eab5-4d2a-ab37-425108274ca8" providerId="ADAL" clId="{C687B96A-7ECE-FC4F-9A33-918ABF12B773}" dt="2024-01-24T20:23:38.905" v="10033"/>
          <ac:spMkLst>
            <pc:docMk/>
            <pc:sldMk cId="1799687991" sldId="393"/>
            <ac:spMk id="2" creationId="{B341F5BC-CFC7-4B5B-D702-A891BB8F2C7E}"/>
          </ac:spMkLst>
        </pc:spChg>
      </pc:sldChg>
      <pc:sldChg chg="modSp add del mod modCm">
        <pc:chgData name="Gilbert, Andre-Anan" userId="9702a563-eab5-4d2a-ab37-425108274ca8" providerId="ADAL" clId="{C687B96A-7ECE-FC4F-9A33-918ABF12B773}" dt="2024-02-02T16:00:31.838" v="10177" actId="2696"/>
        <pc:sldMkLst>
          <pc:docMk/>
          <pc:sldMk cId="915172949" sldId="394"/>
        </pc:sldMkLst>
        <pc:spChg chg="mod">
          <ac:chgData name="Gilbert, Andre-Anan" userId="9702a563-eab5-4d2a-ab37-425108274ca8" providerId="ADAL" clId="{C687B96A-7ECE-FC4F-9A33-918ABF12B773}" dt="2024-01-24T20:25:49.255" v="10083"/>
          <ac:spMkLst>
            <pc:docMk/>
            <pc:sldMk cId="915172949" sldId="394"/>
            <ac:spMk id="2" creationId="{2811797E-2D71-C25A-FC77-E8DE26446C2E}"/>
          </ac:spMkLst>
        </pc:spChg>
        <pc:spChg chg="mod">
          <ac:chgData name="Gilbert, Andre-Anan" userId="9702a563-eab5-4d2a-ab37-425108274ca8" providerId="ADAL" clId="{C687B96A-7ECE-FC4F-9A33-918ABF12B773}" dt="2024-01-24T20:29:23.478" v="10176"/>
          <ac:spMkLst>
            <pc:docMk/>
            <pc:sldMk cId="915172949" sldId="394"/>
            <ac:spMk id="4" creationId="{E3388E03-E3D9-6704-5EAD-DBAC8A8F21A1}"/>
          </ac:spMkLst>
        </pc:spChg>
        <pc:spChg chg="mod">
          <ac:chgData name="Gilbert, Andre-Anan" userId="9702a563-eab5-4d2a-ab37-425108274ca8" providerId="ADAL" clId="{C687B96A-7ECE-FC4F-9A33-918ABF12B773}" dt="2024-01-24T20:24:51.389" v="10066"/>
          <ac:spMkLst>
            <pc:docMk/>
            <pc:sldMk cId="915172949" sldId="394"/>
            <ac:spMk id="6" creationId="{677CCBDB-9F14-A58F-B11F-D63BC64489E5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mod">
              <pc226:chgData name="Gilbert, Andre-Anan" userId="9702a563-eab5-4d2a-ab37-425108274ca8" providerId="ADAL" clId="{C687B96A-7ECE-FC4F-9A33-918ABF12B773}" dt="2024-01-24T20:29:23.478" v="10176"/>
              <pc2:cmMkLst xmlns:pc2="http://schemas.microsoft.com/office/powerpoint/2019/9/main/command">
                <pc:docMk/>
                <pc:sldMk cId="915172949" sldId="394"/>
                <pc2:cmMk id="{CE1AD233-6003-8E46-B582-4B8AF0A70A50}"/>
              </pc2:cmMkLst>
            </pc226:cmChg>
            <pc226:cmChg xmlns:pc226="http://schemas.microsoft.com/office/powerpoint/2022/06/main/command" chg="mod">
              <pc226:chgData name="Gilbert, Andre-Anan" userId="9702a563-eab5-4d2a-ab37-425108274ca8" providerId="ADAL" clId="{C687B96A-7ECE-FC4F-9A33-918ABF12B773}" dt="2024-01-24T20:24:51.389" v="10066"/>
              <pc2:cmMkLst xmlns:pc2="http://schemas.microsoft.com/office/powerpoint/2019/9/main/command">
                <pc:docMk/>
                <pc:sldMk cId="915172949" sldId="394"/>
                <pc2:cmMk id="{2DC78BFD-3B3A-F542-9D9E-8ED5FF7E8B19}"/>
              </pc2:cmMkLst>
            </pc226:cmChg>
          </p:ext>
        </pc:extLst>
      </pc:sldChg>
      <pc:sldChg chg="addSp delSp modSp add mod">
        <pc:chgData name="Gilbert, Andre-Anan" userId="9702a563-eab5-4d2a-ab37-425108274ca8" providerId="ADAL" clId="{C687B96A-7ECE-FC4F-9A33-918ABF12B773}" dt="2024-02-02T16:17:17.429" v="10245" actId="14100"/>
        <pc:sldMkLst>
          <pc:docMk/>
          <pc:sldMk cId="3281519927" sldId="395"/>
        </pc:sldMkLst>
        <pc:spChg chg="add mod">
          <ac:chgData name="Gilbert, Andre-Anan" userId="9702a563-eab5-4d2a-ab37-425108274ca8" providerId="ADAL" clId="{C687B96A-7ECE-FC4F-9A33-918ABF12B773}" dt="2024-02-02T16:12:14.576" v="10212" actId="478"/>
          <ac:spMkLst>
            <pc:docMk/>
            <pc:sldMk cId="3281519927" sldId="395"/>
            <ac:spMk id="5" creationId="{39720901-D3CE-A271-2876-F5FDFE3B6129}"/>
          </ac:spMkLst>
        </pc:spChg>
        <pc:spChg chg="add mod">
          <ac:chgData name="Gilbert, Andre-Anan" userId="9702a563-eab5-4d2a-ab37-425108274ca8" providerId="ADAL" clId="{C687B96A-7ECE-FC4F-9A33-918ABF12B773}" dt="2024-02-02T16:17:17.429" v="10245" actId="14100"/>
          <ac:spMkLst>
            <pc:docMk/>
            <pc:sldMk cId="3281519927" sldId="395"/>
            <ac:spMk id="7" creationId="{71FA05C3-049E-4D7E-2C83-BAE7DA4D33A2}"/>
          </ac:spMkLst>
        </pc:spChg>
        <pc:picChg chg="del">
          <ac:chgData name="Gilbert, Andre-Anan" userId="9702a563-eab5-4d2a-ab37-425108274ca8" providerId="ADAL" clId="{C687B96A-7ECE-FC4F-9A33-918ABF12B773}" dt="2024-02-02T16:12:14.576" v="10212" actId="478"/>
          <ac:picMkLst>
            <pc:docMk/>
            <pc:sldMk cId="3281519927" sldId="395"/>
            <ac:picMk id="6" creationId="{7C1ECAF3-8F85-6599-24A1-207BBA0A532F}"/>
          </ac:picMkLst>
        </pc:picChg>
        <pc:picChg chg="add del mod">
          <ac:chgData name="Gilbert, Andre-Anan" userId="9702a563-eab5-4d2a-ab37-425108274ca8" providerId="ADAL" clId="{C687B96A-7ECE-FC4F-9A33-918ABF12B773}" dt="2024-02-02T16:09:14.499" v="10205" actId="478"/>
          <ac:picMkLst>
            <pc:docMk/>
            <pc:sldMk cId="3281519927" sldId="395"/>
            <ac:picMk id="1026" creationId="{7066E2EC-BDB9-2461-2FC9-BD58EFD89969}"/>
          </ac:picMkLst>
        </pc:picChg>
        <pc:picChg chg="add del mod">
          <ac:chgData name="Gilbert, Andre-Anan" userId="9702a563-eab5-4d2a-ab37-425108274ca8" providerId="ADAL" clId="{C687B96A-7ECE-FC4F-9A33-918ABF12B773}" dt="2024-02-02T16:15:36.896" v="10231" actId="478"/>
          <ac:picMkLst>
            <pc:docMk/>
            <pc:sldMk cId="3281519927" sldId="395"/>
            <ac:picMk id="1028" creationId="{C060D061-BEAD-E673-F3A6-697438F429D3}"/>
          </ac:picMkLst>
        </pc:picChg>
        <pc:picChg chg="add mod">
          <ac:chgData name="Gilbert, Andre-Anan" userId="9702a563-eab5-4d2a-ab37-425108274ca8" providerId="ADAL" clId="{C687B96A-7ECE-FC4F-9A33-918ABF12B773}" dt="2024-02-02T16:16:47.724" v="10241" actId="14100"/>
          <ac:picMkLst>
            <pc:docMk/>
            <pc:sldMk cId="3281519927" sldId="395"/>
            <ac:picMk id="1030" creationId="{7C1BA4B2-2BC4-A752-8FB7-346B35B4620B}"/>
          </ac:picMkLst>
        </pc:picChg>
      </pc:sldChg>
      <pc:sldChg chg="add del">
        <pc:chgData name="Gilbert, Andre-Anan" userId="9702a563-eab5-4d2a-ab37-425108274ca8" providerId="ADAL" clId="{C687B96A-7ECE-FC4F-9A33-918ABF12B773}" dt="2024-02-02T16:00:51.598" v="10180" actId="2696"/>
        <pc:sldMkLst>
          <pc:docMk/>
          <pc:sldMk cId="2959375699" sldId="396"/>
        </pc:sldMkLst>
      </pc:sldChg>
      <pc:sldChg chg="modSp add mod">
        <pc:chgData name="Gilbert, Andre-Anan" userId="9702a563-eab5-4d2a-ab37-425108274ca8" providerId="ADAL" clId="{C687B96A-7ECE-FC4F-9A33-918ABF12B773}" dt="2024-02-06T20:28:58.279" v="10315" actId="20577"/>
        <pc:sldMkLst>
          <pc:docMk/>
          <pc:sldMk cId="1993851586" sldId="397"/>
        </pc:sldMkLst>
        <pc:spChg chg="mod">
          <ac:chgData name="Gilbert, Andre-Anan" userId="9702a563-eab5-4d2a-ab37-425108274ca8" providerId="ADAL" clId="{C687B96A-7ECE-FC4F-9A33-918ABF12B773}" dt="2024-02-06T20:28:58.279" v="10315" actId="20577"/>
          <ac:spMkLst>
            <pc:docMk/>
            <pc:sldMk cId="1993851586" sldId="397"/>
            <ac:spMk id="2" creationId="{DBBBA697-DEB7-5AE3-B8C6-6E74B7B4CC16}"/>
          </ac:spMkLst>
        </pc:spChg>
        <pc:spChg chg="mod">
          <ac:chgData name="Gilbert, Andre-Anan" userId="9702a563-eab5-4d2a-ab37-425108274ca8" providerId="ADAL" clId="{C687B96A-7ECE-FC4F-9A33-918ABF12B773}" dt="2024-02-02T16:01:10.231" v="10182" actId="20577"/>
          <ac:spMkLst>
            <pc:docMk/>
            <pc:sldMk cId="1993851586" sldId="397"/>
            <ac:spMk id="4" creationId="{06F5261E-2116-C7CE-A2DC-76A8DAA694E1}"/>
          </ac:spMkLst>
        </pc:spChg>
        <pc:spChg chg="mod">
          <ac:chgData name="Gilbert, Andre-Anan" userId="9702a563-eab5-4d2a-ab37-425108274ca8" providerId="ADAL" clId="{C687B96A-7ECE-FC4F-9A33-918ABF12B773}" dt="2024-02-02T16:01:07.724" v="10181" actId="20577"/>
          <ac:spMkLst>
            <pc:docMk/>
            <pc:sldMk cId="1993851586" sldId="397"/>
            <ac:spMk id="6" creationId="{2982FC54-5C97-40F7-033B-02EF18C51C8B}"/>
          </ac:spMkLst>
        </pc:spChg>
      </pc:sldChg>
      <pc:sldChg chg="add">
        <pc:chgData name="Gilbert, Andre-Anan" userId="9702a563-eab5-4d2a-ab37-425108274ca8" providerId="ADAL" clId="{C687B96A-7ECE-FC4F-9A33-918ABF12B773}" dt="2024-01-24T20:19:42.928" v="10011"/>
        <pc:sldMkLst>
          <pc:docMk/>
          <pc:sldMk cId="2755772517" sldId="398"/>
        </pc:sldMkLst>
      </pc:sldChg>
      <pc:sldChg chg="add del">
        <pc:chgData name="Gilbert, Andre-Anan" userId="9702a563-eab5-4d2a-ab37-425108274ca8" providerId="ADAL" clId="{C687B96A-7ECE-FC4F-9A33-918ABF12B773}" dt="2024-02-02T16:05:20.723" v="10193" actId="2696"/>
        <pc:sldMkLst>
          <pc:docMk/>
          <pc:sldMk cId="1284998893" sldId="399"/>
        </pc:sldMkLst>
      </pc:sldChg>
      <pc:sldChg chg="add del">
        <pc:chgData name="Gilbert, Andre-Anan" userId="9702a563-eab5-4d2a-ab37-425108274ca8" providerId="ADAL" clId="{C687B96A-7ECE-FC4F-9A33-918ABF12B773}" dt="2024-02-02T16:05:22.392" v="10194" actId="2696"/>
        <pc:sldMkLst>
          <pc:docMk/>
          <pc:sldMk cId="1380549699" sldId="400"/>
        </pc:sldMkLst>
      </pc:sldChg>
      <pc:sldChg chg="add del">
        <pc:chgData name="Gilbert, Andre-Anan" userId="9702a563-eab5-4d2a-ab37-425108274ca8" providerId="ADAL" clId="{C687B96A-7ECE-FC4F-9A33-918ABF12B773}" dt="2024-02-02T16:05:24.072" v="10195" actId="2696"/>
        <pc:sldMkLst>
          <pc:docMk/>
          <pc:sldMk cId="2606128906" sldId="401"/>
        </pc:sldMkLst>
      </pc:sldChg>
      <pc:sldChg chg="modSp add mod modShow">
        <pc:chgData name="Gilbert, Andre-Anan" userId="9702a563-eab5-4d2a-ab37-425108274ca8" providerId="ADAL" clId="{C687B96A-7ECE-FC4F-9A33-918ABF12B773}" dt="2024-02-06T08:18:39.880" v="10290" actId="20577"/>
        <pc:sldMkLst>
          <pc:docMk/>
          <pc:sldMk cId="2832860191" sldId="402"/>
        </pc:sldMkLst>
        <pc:spChg chg="mod">
          <ac:chgData name="Gilbert, Andre-Anan" userId="9702a563-eab5-4d2a-ab37-425108274ca8" providerId="ADAL" clId="{C687B96A-7ECE-FC4F-9A33-918ABF12B773}" dt="2024-02-06T08:18:39.880" v="10290" actId="20577"/>
          <ac:spMkLst>
            <pc:docMk/>
            <pc:sldMk cId="2832860191" sldId="402"/>
            <ac:spMk id="2" creationId="{6775B724-B7DB-86AF-8908-64482E2782B0}"/>
          </ac:spMkLst>
        </pc:spChg>
      </pc:sldChg>
      <pc:sldMasterChg chg="modTransition setBg addSldLayout delSldLayout modSldLayout">
        <pc:chgData name="Gilbert, Andre-Anan" userId="9702a563-eab5-4d2a-ab37-425108274ca8" providerId="ADAL" clId="{C687B96A-7ECE-FC4F-9A33-918ABF12B773}" dt="2024-01-17T16:44:43.215" v="9926"/>
        <pc:sldMasterMkLst>
          <pc:docMk/>
          <pc:sldMasterMk cId="3408294523" sldId="2147483733"/>
        </pc:sldMasterMkLst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781090314" sldId="2147483740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859360619" sldId="2147483741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466743634" sldId="2147483743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932785900" sldId="2147483744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630481451" sldId="2147483745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186098743" sldId="2147483751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34218196" sldId="2147483756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3425020262" sldId="2147483757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866416376" sldId="2147483760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287227243" sldId="2147483763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109527874" sldId="2147483765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008985274" sldId="2147483767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504941297" sldId="2147483768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727667599" sldId="2147483769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680594478" sldId="2147483770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139791144" sldId="2147483771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982410628" sldId="2147483773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129332223" sldId="2147483774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084997862" sldId="2147483777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667257257" sldId="2147483780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77845837" sldId="2147483787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183850539" sldId="2147483788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554761476" sldId="2147483789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315975548" sldId="2147483790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293282121" sldId="2147483791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910220013" sldId="2147483792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043655704" sldId="2147483793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979749642" sldId="2147483794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783396525" sldId="2147483795"/>
          </pc:sldLayoutMkLst>
        </pc:sldLayoutChg>
        <pc:sldLayoutChg chg="add 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232718105" sldId="2147483796"/>
          </pc:sldLayoutMkLst>
        </pc:sldLayoutChg>
        <pc:sldLayoutChg chg="add del">
          <pc:chgData name="Gilbert, Andre-Anan" userId="9702a563-eab5-4d2a-ab37-425108274ca8" providerId="ADAL" clId="{C687B96A-7ECE-FC4F-9A33-918ABF12B773}" dt="2023-11-09T15:50:11.982" v="109" actId="2696"/>
          <pc:sldLayoutMkLst>
            <pc:docMk/>
            <pc:sldMasterMk cId="3408294523" sldId="2147483733"/>
            <pc:sldLayoutMk cId="638151886" sldId="2147483797"/>
          </pc:sldLayoutMkLst>
        </pc:sldLayoutChg>
        <pc:sldLayoutChg chg="add 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3902489560" sldId="2147483798"/>
          </pc:sldLayoutMkLst>
        </pc:sldLayoutChg>
        <pc:sldLayoutChg chg="add del">
          <pc:chgData name="Gilbert, Andre-Anan" userId="9702a563-eab5-4d2a-ab37-425108274ca8" providerId="ADAL" clId="{C687B96A-7ECE-FC4F-9A33-918ABF12B773}" dt="2023-11-13T13:21:21.092" v="4965" actId="2696"/>
          <pc:sldLayoutMkLst>
            <pc:docMk/>
            <pc:sldMasterMk cId="3408294523" sldId="2147483733"/>
            <pc:sldLayoutMk cId="1524126689" sldId="2147483799"/>
          </pc:sldLayoutMkLst>
        </pc:sldLayoutChg>
        <pc:sldLayoutChg chg="add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3454706661" sldId="2147483799"/>
          </pc:sldLayoutMkLst>
        </pc:sldLayoutChg>
        <pc:sldLayoutChg chg="add del">
          <pc:chgData name="Gilbert, Andre-Anan" userId="9702a563-eab5-4d2a-ab37-425108274ca8" providerId="ADAL" clId="{C687B96A-7ECE-FC4F-9A33-918ABF12B773}" dt="2023-11-10T11:07:01.693" v="707" actId="2696"/>
          <pc:sldLayoutMkLst>
            <pc:docMk/>
            <pc:sldMasterMk cId="3408294523" sldId="2147483733"/>
            <pc:sldLayoutMk cId="4182547817" sldId="2147483799"/>
          </pc:sldLayoutMkLst>
        </pc:sldLayoutChg>
      </pc:sldMasterChg>
    </pc:docChg>
  </pc:docChgLst>
  <pc:docChgLst>
    <pc:chgData name="Kumar, Praveen" userId="758ec0fa-8024-42ba-a397-cd45b6e532a2" providerId="ADAL" clId="{BEA2B0A0-5DE0-D74D-9C91-722440398452}"/>
    <pc:docChg chg="">
      <pc:chgData name="Kumar, Praveen" userId="758ec0fa-8024-42ba-a397-cd45b6e532a2" providerId="ADAL" clId="{BEA2B0A0-5DE0-D74D-9C91-722440398452}" dt="2024-01-08T13:28:00.894" v="3"/>
      <pc:docMkLst>
        <pc:docMk/>
      </pc:docMkLst>
      <pc:sldChg chg="addCm modCm">
        <pc:chgData name="Kumar, Praveen" userId="758ec0fa-8024-42ba-a397-cd45b6e532a2" providerId="ADAL" clId="{BEA2B0A0-5DE0-D74D-9C91-722440398452}" dt="2024-01-08T13:28:00.894" v="3"/>
        <pc:sldMkLst>
          <pc:docMk/>
          <pc:sldMk cId="387456212" sldId="384"/>
        </pc:sldMkLst>
        <pc:extLst>
          <p:ext xmlns:p="http://schemas.openxmlformats.org/presentationml/2006/main" uri="{D6D511B9-2390-475A-947B-AFAB55BFBCF1}">
            <pc226:cmChg xmlns:pc226="http://schemas.microsoft.com/office/powerpoint/2022/06/main/command" chg="add mod">
              <pc226:chgData name="Kumar, Praveen" userId="758ec0fa-8024-42ba-a397-cd45b6e532a2" providerId="ADAL" clId="{BEA2B0A0-5DE0-D74D-9C91-722440398452}" dt="2024-01-08T13:28:00.894" v="3"/>
              <pc2:cmMkLst xmlns:pc2="http://schemas.microsoft.com/office/powerpoint/2019/9/main/command">
                <pc:docMk/>
                <pc:sldMk cId="387456212" sldId="384"/>
                <pc2:cmMk id="{5EB3823B-DBCF-994C-986B-3E52334114D7}"/>
              </pc2:cmMkLst>
            </pc226:cmChg>
          </p:ext>
        </pc:extLst>
      </pc:sldChg>
      <pc:sldChg chg="addCm">
        <pc:chgData name="Kumar, Praveen" userId="758ec0fa-8024-42ba-a397-cd45b6e532a2" providerId="ADAL" clId="{BEA2B0A0-5DE0-D74D-9C91-722440398452}" dt="2024-01-08T13:16:37.206" v="1"/>
        <pc:sldMkLst>
          <pc:docMk/>
          <pc:sldMk cId="163284673" sldId="388"/>
        </pc:sldMkLst>
        <pc:extLst>
          <p:ext xmlns:p="http://schemas.openxmlformats.org/presentationml/2006/main" uri="{D6D511B9-2390-475A-947B-AFAB55BFBCF1}">
            <pc226:cmChg xmlns:pc226="http://schemas.microsoft.com/office/powerpoint/2022/06/main/command" chg="add">
              <pc226:chgData name="Kumar, Praveen" userId="758ec0fa-8024-42ba-a397-cd45b6e532a2" providerId="ADAL" clId="{BEA2B0A0-5DE0-D74D-9C91-722440398452}" dt="2024-01-08T13:16:37.206" v="1"/>
              <pc2:cmMkLst xmlns:pc2="http://schemas.microsoft.com/office/powerpoint/2019/9/main/command">
                <pc:docMk/>
                <pc:sldMk cId="163284673" sldId="388"/>
                <pc2:cmMk id="{33CC2D3C-770E-6848-ACAD-D97EADBE1527}"/>
              </pc2:cmMkLst>
            </pc226:cmChg>
            <pc226:cmChg xmlns:pc226="http://schemas.microsoft.com/office/powerpoint/2022/06/main/command" chg="add">
              <pc226:chgData name="Kumar, Praveen" userId="758ec0fa-8024-42ba-a397-cd45b6e532a2" providerId="ADAL" clId="{BEA2B0A0-5DE0-D74D-9C91-722440398452}" dt="2024-01-08T13:12:46.869" v="0"/>
              <pc2:cmMkLst xmlns:pc2="http://schemas.microsoft.com/office/powerpoint/2019/9/main/command">
                <pc:docMk/>
                <pc:sldMk cId="163284673" sldId="388"/>
                <pc2:cmMk id="{5F93407F-199B-124A-AF4B-AC46D0EE41C4}"/>
              </pc2:cmMkLst>
            </pc226:cmChg>
          </p:ext>
        </pc:ext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71357782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5297795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32EFFC8-0C5F-89DC-5B4D-31ECFAE736D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997EAE-CD82-7441-4FB8-25011600C29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9EDA181-1821-FFFE-7EE1-1C0BA7E3414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5E2B0F-C273-5D36-EFAC-4960875F69D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411481578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69660841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7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png"/><Relationship Id="rId5" Type="http://schemas.openxmlformats.org/officeDocument/2006/relationships/image" Target="../media/image5.svg"/><Relationship Id="rId4" Type="http://schemas.openxmlformats.org/officeDocument/2006/relationships/image" Target="../media/image4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 cover with blue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994707418" name="LogoBlue-Dynamic" descr="{&quot;templafy&quot;:{&quot;id&quot;:&quot;8f17507f-a79a-492e-8fe0-fc24e8a2b96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9099b413-5317-412f-acd8-f3bd3740ddc8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l cover with anvil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722009665" name="LogoBlack-Dynamic" descr="{&quot;templafy&quot;:{&quot;id&quot;:&quot;ab3d0be2-f448-4fef-90f0-0c1595b7b72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d4daadb-6a8d-4900-ab06-557405523d64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ith cover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72799783" name="LogoBlue-Dynamic" descr="{&quot;templafy&quot;:{&quot;id&quot;:&quot;465bfe27-7796-4882-b3dd-2d97cc1ed41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c30d663e-e34e-4d06-89e6-0de43b83637f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ue cover with anvil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62495595" name="LogoWhite-Dynamic" descr="{&quot;templafy&quot;:{&quot;id&quot;:&quot;7acd2f1c-9f40-458b-90af-14725951b63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8e25e3d2-ea52-4065-98cd-1ebb17fa57dd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Roboto" panose="02000000000000000000" pitchFamily="2" charset="0"/>
              <a:buChar char="​"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transition>
    <p:fade/>
  </p:transition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transition>
    <p:fade/>
  </p:transition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ue cover, anvil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Image 0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0" y="0"/>
            <a:ext cx="12195175" cy="6861496"/>
          </a:xfrm>
          <a:prstGeom prst="rect">
            <a:avLst/>
          </a:prstGeom>
        </p:spPr>
      </p:pic>
      <p:pic>
        <p:nvPicPr>
          <p:cNvPr id="11" name="Image 1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52355" y="1156532"/>
            <a:ext cx="5613722" cy="2756252"/>
          </a:xfrm>
          <a:prstGeom prst="rect">
            <a:avLst/>
          </a:prstGeom>
        </p:spPr>
      </p:pic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206502"/>
            <a:ext cx="55678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12395245" name="LogoWhite-Dynamic" descr="{&quot;templafy&quot;:{&quot;id&quot;:&quot;d2732587-934d-4a65-9945-aec0ae879e20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994ef10-659b-4b35-96fb-a9e830e7999f&quot;}}">
            <a:extLst>
              <a:ext uri="{FF2B5EF4-FFF2-40B4-BE49-F238E27FC236}">
                <a16:creationId xmlns:a16="http://schemas.microsoft.com/office/drawing/2014/main" id="{A6D6797F-FF5B-BE1A-D940-2289CF2968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7833965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  <p:transition>
    <p:fade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d7dc28ea-0a02-46f3-b439-5846873c88dd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transition>
    <p:fade/>
  </p:transition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nk cover with anvi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93759805" name="LogoWhite-Dynamic" descr="{&quot;templafy&quot;:{&quot;id&quot;:&quot;686b3be4-7ffd-4782-9d5d-944d0d8d390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6b400c14-ddb5-4bd6-ade9-5b2dc5ddc6f3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3271810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Box 6">
            <a:extLst>
              <a:ext uri="{FF2B5EF4-FFF2-40B4-BE49-F238E27FC236}">
                <a16:creationId xmlns:a16="http://schemas.microsoft.com/office/drawing/2014/main" id="{BB2D27CC-FED9-0331-2BB0-202F085A9464}"/>
              </a:ext>
            </a:extLst>
          </p:cNvPr>
          <p:cNvSpPr txBox="1"/>
          <p:nvPr userDrawn="1"/>
        </p:nvSpPr>
        <p:spPr>
          <a:xfrm>
            <a:off x="503239" y="2905127"/>
            <a:ext cx="1837041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solidFill>
                  <a:schemeClr val="tx1"/>
                </a:solidFill>
                <a:latin typeface="72 Brand" panose="020B0504030603020204" pitchFamily="34" charset="0"/>
                <a:cs typeface="Arial" panose="020B0604020202020204" pitchFamily="34" charset="0"/>
              </a:rPr>
              <a:t>Contact information: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D8BEA4F-DF46-6DC5-510C-BDC07E9D01F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03369" y="3447695"/>
            <a:ext cx="4227518" cy="499711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 b="0" i="0">
                <a:solidFill>
                  <a:schemeClr val="tx1"/>
                </a:solidFill>
                <a:latin typeface="72 Brand" panose="020B0504030603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Name</a:t>
            </a:r>
            <a:br>
              <a:rPr lang="en-US"/>
            </a:br>
            <a:r>
              <a:rPr lang="en-US"/>
              <a:t>Email</a:t>
            </a:r>
          </a:p>
        </p:txBody>
      </p:sp>
      <p:pic>
        <p:nvPicPr>
          <p:cNvPr id="2" name="SAP Logo">
            <a:extLst>
              <a:ext uri="{FF2B5EF4-FFF2-40B4-BE49-F238E27FC236}">
                <a16:creationId xmlns:a16="http://schemas.microsoft.com/office/drawing/2014/main" id="{4211FE4D-917A-CDAA-19DF-5E95FC81FBD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9492910" y="5797296"/>
            <a:ext cx="2242134" cy="541064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AE09AB48-3B44-9364-8E90-FF56AFC1E9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02" y="1461263"/>
            <a:ext cx="5312526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0248956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ocial Media - Im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hidden="1">
            <a:extLst>
              <a:ext uri="{FF2B5EF4-FFF2-40B4-BE49-F238E27FC236}">
                <a16:creationId xmlns:a16="http://schemas.microsoft.com/office/drawing/2014/main" id="{0F351567-7655-59FB-3BFE-78CCE5E46A2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2059" t="3030" r="2170" b="3561"/>
          <a:stretch/>
        </p:blipFill>
        <p:spPr>
          <a:xfrm>
            <a:off x="1" y="0"/>
            <a:ext cx="12195175" cy="6858000"/>
          </a:xfrm>
          <a:prstGeom prst="rect">
            <a:avLst/>
          </a:prstGeom>
        </p:spPr>
      </p:pic>
      <p:sp>
        <p:nvSpPr>
          <p:cNvPr id="2" name="Picture Placeholder 7">
            <a:extLst>
              <a:ext uri="{FF2B5EF4-FFF2-40B4-BE49-F238E27FC236}">
                <a16:creationId xmlns:a16="http://schemas.microsoft.com/office/drawing/2014/main" id="{39216DD1-AB40-4E3B-09F4-0BE0D9DE535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3288210" y="365125"/>
            <a:ext cx="8544920" cy="3877802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47066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2989" userDrawn="1">
          <p15:clr>
            <a:srgbClr val="FBAE40"/>
          </p15:clr>
        </p15:guide>
        <p15:guide id="5" pos="8597" userDrawn="1">
          <p15:clr>
            <a:srgbClr val="FBAE40"/>
          </p15:clr>
        </p15:guide>
        <p15:guide id="7" pos="2851" userDrawn="1">
          <p15:clr>
            <a:srgbClr val="FBAE40"/>
          </p15:clr>
        </p15:guide>
        <p15:guide id="12" pos="3771" userDrawn="1">
          <p15:clr>
            <a:srgbClr val="FBAE40"/>
          </p15:clr>
        </p15:guide>
        <p15:guide id="13" pos="2069" userDrawn="1">
          <p15:clr>
            <a:srgbClr val="FBAE40"/>
          </p15:clr>
        </p15:guide>
        <p15:guide id="14" pos="1929" userDrawn="1">
          <p15:clr>
            <a:srgbClr val="FBAE40"/>
          </p15:clr>
        </p15:guide>
        <p15:guide id="15" pos="1148" userDrawn="1">
          <p15:clr>
            <a:srgbClr val="FBAE40"/>
          </p15:clr>
        </p15:guide>
        <p15:guide id="16" pos="1008" userDrawn="1">
          <p15:clr>
            <a:srgbClr val="FBAE40"/>
          </p15:clr>
        </p15:guide>
        <p15:guide id="17" pos="3909" userDrawn="1">
          <p15:clr>
            <a:srgbClr val="FBAE40"/>
          </p15:clr>
        </p15:guide>
        <p15:guide id="18" pos="4691" userDrawn="1">
          <p15:clr>
            <a:srgbClr val="FBAE40"/>
          </p15:clr>
        </p15:guide>
        <p15:guide id="19" pos="7454" userDrawn="1">
          <p15:clr>
            <a:srgbClr val="FBAE40"/>
          </p15:clr>
        </p15:guide>
        <p15:guide id="20" pos="8416" userDrawn="1">
          <p15:clr>
            <a:srgbClr val="FBAE40"/>
          </p15:clr>
        </p15:guide>
        <p15:guide id="25" orient="horz" pos="230" userDrawn="1">
          <p15:clr>
            <a:srgbClr val="FBAE40"/>
          </p15:clr>
        </p15:guide>
        <p15:guide id="27" orient="horz" pos="4090" userDrawn="1">
          <p15:clr>
            <a:srgbClr val="FBAE40"/>
          </p15:clr>
        </p15:guide>
        <p15:guide id="30" orient="horz" pos="6121" userDrawn="1">
          <p15:clr>
            <a:srgbClr val="FBAE40"/>
          </p15:clr>
        </p15:guide>
        <p15:guide id="31" pos="227" userDrawn="1">
          <p15:clr>
            <a:srgbClr val="FBAE40"/>
          </p15:clr>
        </p15:guide>
        <p15:guide id="34" pos="9777" userDrawn="1">
          <p15:clr>
            <a:srgbClr val="FBAE40"/>
          </p15:clr>
        </p15:guide>
        <p15:guide id="35" pos="9981" userDrawn="1">
          <p15:clr>
            <a:srgbClr val="FBAE40"/>
          </p15:clr>
        </p15:guide>
        <p15:guide id="36" pos="11161" userDrawn="1">
          <p15:clr>
            <a:srgbClr val="FBAE40"/>
          </p15:clr>
        </p15:guide>
        <p15:guide id="37" pos="4829" userDrawn="1">
          <p15:clr>
            <a:srgbClr val="FBAE40"/>
          </p15:clr>
        </p15:guide>
        <p15:guide id="38" pos="5611" userDrawn="1">
          <p15:clr>
            <a:srgbClr val="FBAE40"/>
          </p15:clr>
        </p15:guide>
        <p15:guide id="39" pos="5751" userDrawn="1">
          <p15:clr>
            <a:srgbClr val="FBAE40"/>
          </p15:clr>
        </p15:guide>
        <p15:guide id="40" pos="6532" userDrawn="1">
          <p15:clr>
            <a:srgbClr val="FBAE40"/>
          </p15:clr>
        </p15:guide>
        <p15:guide id="41" pos="6672" userDrawn="1">
          <p15:clr>
            <a:srgbClr val="FBAE40"/>
          </p15:clr>
        </p15:guide>
        <p15:guide id="42" orient="horz" pos="2160" userDrawn="1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27FA50B1-C2BC-195A-7506-45BC73F49CE2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3429000"/>
            <a:ext cx="12195175" cy="3429000"/>
          </a:xfrm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604194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go cover with anvil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708642867" name="LogoWhite-Dynamic" descr="{&quot;templafy&quot;:{&quot;id&quot;:&quot;365d6e36-e1a4-45bf-8940-909c98207e5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40029399-284d-45df-8dab-93e43df081f9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een cover with image in anvil sh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730f1943-fe7f-4068-b0f9-c2be33d4d9de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1070974722" name="LogoBlack-Dynamic" descr="{&quot;templafy&quot;:{&quot;id&quot;:&quot;2609b4c7-1c71-4a85-826c-9b5d9a2d5db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566348356" name="LogoBlue-Dynamic" descr="{&quot;templafy&quot;:{&quot;id&quot;:&quot;4a029c5d-d0a5-4453-a0e4-6368575ffec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9a60cbae-3d31-41a2-9e73-2e6a50e5e519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 cover with green anvi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20726507" name="LogoBlue-Dynamic" descr="{&quot;templafy&quot;:{&quot;id&quot;:&quot;3c39d88d-c49d-415f-b6a7-2583175dbd2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4cd29830-5264-4358-9a58-3fde2387cb47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ght blue cover with anvi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297583726" name="LogoBlack-Dynamic" descr="{&quot;templafy&quot;:{&quot;id&quot;:&quot;42c52ff4-ba04-4591-933f-c29ce465915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df92d420-fd02-4cdc-9afb-0769a542513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ue cover with anvi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57D2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99820362" name="LogoWhite-Dynamic" descr="{&quot;templafy&quot;:{&quot;id&quot;:&quot;8534d7f1-2ca2-4d68-9a1b-3a520c5e5c6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79113de-6605-4355-90ed-a63c8464625f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4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9.xml"/><Relationship Id="rId63" Type="http://schemas.openxmlformats.org/officeDocument/2006/relationships/tags" Target="../tags/tag30.xml"/><Relationship Id="rId84" Type="http://schemas.openxmlformats.org/officeDocument/2006/relationships/tags" Target="../tags/tag51.xml"/><Relationship Id="rId138" Type="http://schemas.openxmlformats.org/officeDocument/2006/relationships/tags" Target="../tags/tag105.xml"/><Relationship Id="rId107" Type="http://schemas.openxmlformats.org/officeDocument/2006/relationships/tags" Target="../tags/tag74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53" Type="http://schemas.openxmlformats.org/officeDocument/2006/relationships/tags" Target="../tags/tag20.xml"/><Relationship Id="rId74" Type="http://schemas.openxmlformats.org/officeDocument/2006/relationships/tags" Target="../tags/tag41.xml"/><Relationship Id="rId128" Type="http://schemas.openxmlformats.org/officeDocument/2006/relationships/tags" Target="../tags/tag95.xml"/><Relationship Id="rId149" Type="http://schemas.openxmlformats.org/officeDocument/2006/relationships/tags" Target="../tags/tag116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2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10.xml"/><Relationship Id="rId64" Type="http://schemas.openxmlformats.org/officeDocument/2006/relationships/tags" Target="../tags/tag31.xml"/><Relationship Id="rId118" Type="http://schemas.openxmlformats.org/officeDocument/2006/relationships/tags" Target="../tags/tag85.xml"/><Relationship Id="rId139" Type="http://schemas.openxmlformats.org/officeDocument/2006/relationships/tags" Target="../tags/tag106.xml"/><Relationship Id="rId80" Type="http://schemas.openxmlformats.org/officeDocument/2006/relationships/tags" Target="../tags/tag47.xml"/><Relationship Id="rId85" Type="http://schemas.openxmlformats.org/officeDocument/2006/relationships/tags" Target="../tags/tag52.xml"/><Relationship Id="rId150" Type="http://schemas.openxmlformats.org/officeDocument/2006/relationships/tags" Target="../tags/tag117.xml"/><Relationship Id="rId155" Type="http://schemas.openxmlformats.org/officeDocument/2006/relationships/tags" Target="../tags/tag122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5.xml"/><Relationship Id="rId59" Type="http://schemas.openxmlformats.org/officeDocument/2006/relationships/tags" Target="../tags/tag26.xml"/><Relationship Id="rId103" Type="http://schemas.openxmlformats.org/officeDocument/2006/relationships/tags" Target="../tags/tag70.xml"/><Relationship Id="rId108" Type="http://schemas.openxmlformats.org/officeDocument/2006/relationships/tags" Target="../tags/tag75.xml"/><Relationship Id="rId124" Type="http://schemas.openxmlformats.org/officeDocument/2006/relationships/tags" Target="../tags/tag91.xml"/><Relationship Id="rId129" Type="http://schemas.openxmlformats.org/officeDocument/2006/relationships/tags" Target="../tags/tag96.xml"/><Relationship Id="rId54" Type="http://schemas.openxmlformats.org/officeDocument/2006/relationships/tags" Target="../tags/tag21.xml"/><Relationship Id="rId70" Type="http://schemas.openxmlformats.org/officeDocument/2006/relationships/tags" Target="../tags/tag37.xml"/><Relationship Id="rId75" Type="http://schemas.openxmlformats.org/officeDocument/2006/relationships/tags" Target="../tags/tag42.xml"/><Relationship Id="rId91" Type="http://schemas.openxmlformats.org/officeDocument/2006/relationships/tags" Target="../tags/tag58.xml"/><Relationship Id="rId96" Type="http://schemas.openxmlformats.org/officeDocument/2006/relationships/tags" Target="../tags/tag63.xml"/><Relationship Id="rId140" Type="http://schemas.openxmlformats.org/officeDocument/2006/relationships/tags" Target="../tags/tag107.xml"/><Relationship Id="rId145" Type="http://schemas.openxmlformats.org/officeDocument/2006/relationships/tags" Target="../tags/tag11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6.xml"/><Relationship Id="rId114" Type="http://schemas.openxmlformats.org/officeDocument/2006/relationships/tags" Target="../tags/tag81.xml"/><Relationship Id="rId119" Type="http://schemas.openxmlformats.org/officeDocument/2006/relationships/tags" Target="../tags/tag86.xml"/><Relationship Id="rId44" Type="http://schemas.openxmlformats.org/officeDocument/2006/relationships/tags" Target="../tags/tag11.xml"/><Relationship Id="rId60" Type="http://schemas.openxmlformats.org/officeDocument/2006/relationships/tags" Target="../tags/tag27.xml"/><Relationship Id="rId65" Type="http://schemas.openxmlformats.org/officeDocument/2006/relationships/tags" Target="../tags/tag32.xml"/><Relationship Id="rId81" Type="http://schemas.openxmlformats.org/officeDocument/2006/relationships/tags" Target="../tags/tag48.xml"/><Relationship Id="rId86" Type="http://schemas.openxmlformats.org/officeDocument/2006/relationships/tags" Target="../tags/tag53.xml"/><Relationship Id="rId130" Type="http://schemas.openxmlformats.org/officeDocument/2006/relationships/tags" Target="../tags/tag97.xml"/><Relationship Id="rId135" Type="http://schemas.openxmlformats.org/officeDocument/2006/relationships/tags" Target="../tags/tag102.xml"/><Relationship Id="rId151" Type="http://schemas.openxmlformats.org/officeDocument/2006/relationships/tags" Target="../tags/tag118.xml"/><Relationship Id="rId156" Type="http://schemas.openxmlformats.org/officeDocument/2006/relationships/tags" Target="../tags/tag123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6.xml"/><Relationship Id="rId109" Type="http://schemas.openxmlformats.org/officeDocument/2006/relationships/tags" Target="../tags/tag76.xml"/><Relationship Id="rId34" Type="http://schemas.openxmlformats.org/officeDocument/2006/relationships/theme" Target="../theme/theme1.xml"/><Relationship Id="rId50" Type="http://schemas.openxmlformats.org/officeDocument/2006/relationships/tags" Target="../tags/tag17.xml"/><Relationship Id="rId55" Type="http://schemas.openxmlformats.org/officeDocument/2006/relationships/tags" Target="../tags/tag22.xml"/><Relationship Id="rId76" Type="http://schemas.openxmlformats.org/officeDocument/2006/relationships/tags" Target="../tags/tag43.xml"/><Relationship Id="rId97" Type="http://schemas.openxmlformats.org/officeDocument/2006/relationships/tags" Target="../tags/tag64.xml"/><Relationship Id="rId104" Type="http://schemas.openxmlformats.org/officeDocument/2006/relationships/tags" Target="../tags/tag71.xml"/><Relationship Id="rId120" Type="http://schemas.openxmlformats.org/officeDocument/2006/relationships/tags" Target="../tags/tag87.xml"/><Relationship Id="rId125" Type="http://schemas.openxmlformats.org/officeDocument/2006/relationships/tags" Target="../tags/tag92.xml"/><Relationship Id="rId141" Type="http://schemas.openxmlformats.org/officeDocument/2006/relationships/tags" Target="../tags/tag108.xml"/><Relationship Id="rId146" Type="http://schemas.openxmlformats.org/officeDocument/2006/relationships/tags" Target="../tags/tag113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38.xml"/><Relationship Id="rId92" Type="http://schemas.openxmlformats.org/officeDocument/2006/relationships/tags" Target="../tags/tag59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7.xml"/><Relationship Id="rId45" Type="http://schemas.openxmlformats.org/officeDocument/2006/relationships/tags" Target="../tags/tag12.xml"/><Relationship Id="rId66" Type="http://schemas.openxmlformats.org/officeDocument/2006/relationships/tags" Target="../tags/tag33.xml"/><Relationship Id="rId87" Type="http://schemas.openxmlformats.org/officeDocument/2006/relationships/tags" Target="../tags/tag54.xml"/><Relationship Id="rId110" Type="http://schemas.openxmlformats.org/officeDocument/2006/relationships/tags" Target="../tags/tag77.xml"/><Relationship Id="rId115" Type="http://schemas.openxmlformats.org/officeDocument/2006/relationships/tags" Target="../tags/tag82.xml"/><Relationship Id="rId131" Type="http://schemas.openxmlformats.org/officeDocument/2006/relationships/tags" Target="../tags/tag98.xml"/><Relationship Id="rId136" Type="http://schemas.openxmlformats.org/officeDocument/2006/relationships/tags" Target="../tags/tag103.xml"/><Relationship Id="rId157" Type="http://schemas.openxmlformats.org/officeDocument/2006/relationships/tags" Target="../tags/tag124.xml"/><Relationship Id="rId61" Type="http://schemas.openxmlformats.org/officeDocument/2006/relationships/tags" Target="../tags/tag28.xml"/><Relationship Id="rId82" Type="http://schemas.openxmlformats.org/officeDocument/2006/relationships/tags" Target="../tags/tag49.xml"/><Relationship Id="rId152" Type="http://schemas.openxmlformats.org/officeDocument/2006/relationships/tags" Target="../tags/tag119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Relationship Id="rId56" Type="http://schemas.openxmlformats.org/officeDocument/2006/relationships/tags" Target="../tags/tag23.xml"/><Relationship Id="rId77" Type="http://schemas.openxmlformats.org/officeDocument/2006/relationships/tags" Target="../tags/tag44.xml"/><Relationship Id="rId100" Type="http://schemas.openxmlformats.org/officeDocument/2006/relationships/tags" Target="../tags/tag67.xml"/><Relationship Id="rId105" Type="http://schemas.openxmlformats.org/officeDocument/2006/relationships/tags" Target="../tags/tag72.xml"/><Relationship Id="rId126" Type="http://schemas.openxmlformats.org/officeDocument/2006/relationships/tags" Target="../tags/tag93.xml"/><Relationship Id="rId147" Type="http://schemas.openxmlformats.org/officeDocument/2006/relationships/tags" Target="../tags/tag114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8.xml"/><Relationship Id="rId72" Type="http://schemas.openxmlformats.org/officeDocument/2006/relationships/tags" Target="../tags/tag39.xml"/><Relationship Id="rId93" Type="http://schemas.openxmlformats.org/officeDocument/2006/relationships/tags" Target="../tags/tag60.xml"/><Relationship Id="rId98" Type="http://schemas.openxmlformats.org/officeDocument/2006/relationships/tags" Target="../tags/tag65.xml"/><Relationship Id="rId121" Type="http://schemas.openxmlformats.org/officeDocument/2006/relationships/tags" Target="../tags/tag88.xml"/><Relationship Id="rId142" Type="http://schemas.openxmlformats.org/officeDocument/2006/relationships/tags" Target="../tags/tag109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3.xml"/><Relationship Id="rId67" Type="http://schemas.openxmlformats.org/officeDocument/2006/relationships/tags" Target="../tags/tag34.xml"/><Relationship Id="rId116" Type="http://schemas.openxmlformats.org/officeDocument/2006/relationships/tags" Target="../tags/tag83.xml"/><Relationship Id="rId137" Type="http://schemas.openxmlformats.org/officeDocument/2006/relationships/tags" Target="../tags/tag104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8.xml"/><Relationship Id="rId62" Type="http://schemas.openxmlformats.org/officeDocument/2006/relationships/tags" Target="../tags/tag29.xml"/><Relationship Id="rId83" Type="http://schemas.openxmlformats.org/officeDocument/2006/relationships/tags" Target="../tags/tag50.xml"/><Relationship Id="rId88" Type="http://schemas.openxmlformats.org/officeDocument/2006/relationships/tags" Target="../tags/tag55.xml"/><Relationship Id="rId111" Type="http://schemas.openxmlformats.org/officeDocument/2006/relationships/tags" Target="../tags/tag78.xml"/><Relationship Id="rId132" Type="http://schemas.openxmlformats.org/officeDocument/2006/relationships/tags" Target="../tags/tag99.xml"/><Relationship Id="rId153" Type="http://schemas.openxmlformats.org/officeDocument/2006/relationships/tags" Target="../tags/tag120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3.xml"/><Relationship Id="rId57" Type="http://schemas.openxmlformats.org/officeDocument/2006/relationships/tags" Target="../tags/tag24.xml"/><Relationship Id="rId106" Type="http://schemas.openxmlformats.org/officeDocument/2006/relationships/tags" Target="../tags/tag73.xml"/><Relationship Id="rId127" Type="http://schemas.openxmlformats.org/officeDocument/2006/relationships/tags" Target="../tags/tag94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19.xml"/><Relationship Id="rId73" Type="http://schemas.openxmlformats.org/officeDocument/2006/relationships/tags" Target="../tags/tag40.xml"/><Relationship Id="rId78" Type="http://schemas.openxmlformats.org/officeDocument/2006/relationships/tags" Target="../tags/tag45.xml"/><Relationship Id="rId94" Type="http://schemas.openxmlformats.org/officeDocument/2006/relationships/tags" Target="../tags/tag61.xml"/><Relationship Id="rId99" Type="http://schemas.openxmlformats.org/officeDocument/2006/relationships/tags" Target="../tags/tag66.xml"/><Relationship Id="rId101" Type="http://schemas.openxmlformats.org/officeDocument/2006/relationships/tags" Target="../tags/tag68.xml"/><Relationship Id="rId122" Type="http://schemas.openxmlformats.org/officeDocument/2006/relationships/tags" Target="../tags/tag89.xml"/><Relationship Id="rId143" Type="http://schemas.openxmlformats.org/officeDocument/2006/relationships/tags" Target="../tags/tag110.xml"/><Relationship Id="rId148" Type="http://schemas.openxmlformats.org/officeDocument/2006/relationships/tags" Target="../tags/tag11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4.xml"/><Relationship Id="rId68" Type="http://schemas.openxmlformats.org/officeDocument/2006/relationships/tags" Target="../tags/tag35.xml"/><Relationship Id="rId89" Type="http://schemas.openxmlformats.org/officeDocument/2006/relationships/tags" Target="../tags/tag56.xml"/><Relationship Id="rId112" Type="http://schemas.openxmlformats.org/officeDocument/2006/relationships/tags" Target="../tags/tag79.xml"/><Relationship Id="rId133" Type="http://schemas.openxmlformats.org/officeDocument/2006/relationships/tags" Target="../tags/tag100.xml"/><Relationship Id="rId154" Type="http://schemas.openxmlformats.org/officeDocument/2006/relationships/tags" Target="../tags/tag121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4.xml"/><Relationship Id="rId58" Type="http://schemas.openxmlformats.org/officeDocument/2006/relationships/tags" Target="../tags/tag25.xml"/><Relationship Id="rId79" Type="http://schemas.openxmlformats.org/officeDocument/2006/relationships/tags" Target="../tags/tag46.xml"/><Relationship Id="rId102" Type="http://schemas.openxmlformats.org/officeDocument/2006/relationships/tags" Target="../tags/tag69.xml"/><Relationship Id="rId123" Type="http://schemas.openxmlformats.org/officeDocument/2006/relationships/tags" Target="../tags/tag90.xml"/><Relationship Id="rId144" Type="http://schemas.openxmlformats.org/officeDocument/2006/relationships/tags" Target="../tags/tag111.xml"/><Relationship Id="rId90" Type="http://schemas.openxmlformats.org/officeDocument/2006/relationships/tags" Target="../tags/tag57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5.xml"/><Relationship Id="rId69" Type="http://schemas.openxmlformats.org/officeDocument/2006/relationships/tags" Target="../tags/tag36.xml"/><Relationship Id="rId113" Type="http://schemas.openxmlformats.org/officeDocument/2006/relationships/tags" Target="../tags/tag80.xml"/><Relationship Id="rId134" Type="http://schemas.openxmlformats.org/officeDocument/2006/relationships/tags" Target="../tags/tag10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288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a930211a-774d-4ac0-9f6c-cf52aa3808d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95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  <p:sldLayoutId id="2147483796" r:id="rId30"/>
    <p:sldLayoutId id="2147483798" r:id="rId31"/>
    <p:sldLayoutId id="2147483799" r:id="rId32"/>
    <p:sldLayoutId id="2147483800" r:id="rId33"/>
  </p:sldLayoutIdLst>
  <p:transition>
    <p:fade/>
  </p:transition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10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bin"/><Relationship Id="rId1" Type="http://schemas.openxmlformats.org/officeDocument/2006/relationships/slideLayout" Target="../slideLayouts/slideLayout1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20.svg"/><Relationship Id="rId5" Type="http://schemas.openxmlformats.org/officeDocument/2006/relationships/image" Target="../media/image19.png"/><Relationship Id="rId4" Type="http://schemas.openxmlformats.org/officeDocument/2006/relationships/image" Target="../media/image18.jpeg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1.xml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6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bin"/><Relationship Id="rId1" Type="http://schemas.openxmlformats.org/officeDocument/2006/relationships/slideLayout" Target="../slideLayouts/slideLayout1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20.svg"/><Relationship Id="rId5" Type="http://schemas.openxmlformats.org/officeDocument/2006/relationships/image" Target="../media/image19.png"/><Relationship Id="rId4" Type="http://schemas.openxmlformats.org/officeDocument/2006/relationships/image" Target="../media/image18.jpeg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5002B10-34AA-E445-77A3-80FB43BBB5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Developing Your </a:t>
            </a:r>
            <a:br>
              <a:rPr lang="en-DE" dirty="0"/>
            </a:br>
            <a:r>
              <a:rPr lang="en-DE" dirty="0"/>
              <a:t>LLM Intuition</a:t>
            </a:r>
          </a:p>
        </p:txBody>
      </p:sp>
      <p:sp>
        <p:nvSpPr>
          <p:cNvPr id="5" name="Spaker name - Dynamic" descr="{&quot;templafy&quot;:{&quot;id&quot;:&quot;1ad29847-a486-408b-89a1-18d833107216&quot;}}">
            <a:extLst>
              <a:ext uri="{FF2B5EF4-FFF2-40B4-BE49-F238E27FC236}">
                <a16:creationId xmlns:a16="http://schemas.microsoft.com/office/drawing/2014/main" id="{7CF11C94-F563-40B0-0384-A936B226A441}"/>
              </a:ext>
            </a:extLst>
          </p:cNvPr>
          <p:cNvSpPr txBox="1">
            <a:spLocks/>
          </p:cNvSpPr>
          <p:nvPr/>
        </p:nvSpPr>
        <p:spPr>
          <a:xfrm>
            <a:off x="287925" y="4274556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bg1"/>
                </a:solidFill>
                <a:latin typeface="72 Brand" panose="020B0504030603020204" pitchFamily="34" charset="0"/>
                <a:cs typeface="72" panose="020B0503030000000003" pitchFamily="34" charset="0"/>
              </a:rPr>
              <a:t>André Anan Gilbert</a:t>
            </a:r>
          </a:p>
        </p:txBody>
      </p:sp>
      <p:sp>
        <p:nvSpPr>
          <p:cNvPr id="6" name="Date - Dynamic" descr="{&quot;templafy&quot;:{&quot;id&quot;:&quot;5a6cbae5-f7bb-440d-9b10-2e49dfb0fdd8&quot;}}">
            <a:extLst>
              <a:ext uri="{FF2B5EF4-FFF2-40B4-BE49-F238E27FC236}">
                <a16:creationId xmlns:a16="http://schemas.microsoft.com/office/drawing/2014/main" id="{309C727D-6985-4DC5-D9ED-2F333A9AAB8F}"/>
              </a:ext>
            </a:extLst>
          </p:cNvPr>
          <p:cNvSpPr txBox="1">
            <a:spLocks/>
          </p:cNvSpPr>
          <p:nvPr/>
        </p:nvSpPr>
        <p:spPr>
          <a:xfrm>
            <a:off x="287925" y="4477854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1400" dirty="0">
                <a:solidFill>
                  <a:schemeClr val="bg1"/>
                </a:solidFill>
                <a:latin typeface="72 Brand" panose="020B0504030603020204" pitchFamily="34" charset="0"/>
                <a:cs typeface="72" panose="020B0503030000000003" pitchFamily="34" charset="0"/>
              </a:rPr>
              <a:t>May 30, 2024</a:t>
            </a:r>
          </a:p>
        </p:txBody>
      </p:sp>
      <p:pic>
        <p:nvPicPr>
          <p:cNvPr id="16" name="Picture Placeholder 15">
            <a:extLst>
              <a:ext uri="{FF2B5EF4-FFF2-40B4-BE49-F238E27FC236}">
                <a16:creationId xmlns:a16="http://schemas.microsoft.com/office/drawing/2014/main" id="{F077CBE4-226A-85F1-C7B4-C024FDD4BA73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/>
          <a:srcRect l="30931" r="30931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1762911905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E105BB0-F40C-9A4D-8C63-EDD3CF30010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E" dirty="0"/>
              <a:t>Retrieval Augmented Generation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5EC581B-059D-F89F-71BE-7B5693E01491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/>
      </p:sp>
      <p:pic>
        <p:nvPicPr>
          <p:cNvPr id="8" name="Picture Placeholder 7">
            <a:extLst>
              <a:ext uri="{FF2B5EF4-FFF2-40B4-BE49-F238E27FC236}">
                <a16:creationId xmlns:a16="http://schemas.microsoft.com/office/drawing/2014/main" id="{D793447B-FFF7-7E5D-542E-A6138E78FBDD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2513" b="24921"/>
          <a:stretch/>
        </p:blipFill>
        <p:spPr>
          <a:xfrm>
            <a:off x="1587" y="3429000"/>
            <a:ext cx="12192000" cy="3429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93745944"/>
      </p:ext>
    </p:extLst>
  </p:cSld>
  <p:clrMapOvr>
    <a:masterClrMapping/>
  </p:clrMapOvr>
  <p:transition>
    <p:fad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F81683AD-3D14-5FCD-A0C7-5A3FF4F16762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E7A007B-C45A-79EA-89A4-32213555257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DE" dirty="0"/>
              <a:t>Quantization</a:t>
            </a:r>
          </a:p>
          <a:p>
            <a:pPr lvl="1"/>
            <a:r>
              <a:rPr lang="en-DE" dirty="0"/>
              <a:t>Content</a:t>
            </a:r>
          </a:p>
          <a:p>
            <a:pPr lvl="2"/>
            <a:r>
              <a:rPr lang="en-GB" dirty="0"/>
              <a:t>C</a:t>
            </a:r>
            <a:r>
              <a:rPr lang="en-DE" dirty="0"/>
              <a:t>ontent</a:t>
            </a:r>
          </a:p>
          <a:p>
            <a:r>
              <a:rPr lang="en-DE" dirty="0"/>
              <a:t>LoRA</a:t>
            </a:r>
          </a:p>
          <a:p>
            <a:pPr lvl="1"/>
            <a:r>
              <a:rPr lang="en-DE" dirty="0"/>
              <a:t>Content</a:t>
            </a:r>
          </a:p>
          <a:p>
            <a:pPr lvl="2"/>
            <a:r>
              <a:rPr lang="en-DE" dirty="0"/>
              <a:t>content</a:t>
            </a:r>
          </a:p>
          <a:p>
            <a:pPr lvl="2"/>
            <a:endParaRPr lang="en-DE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FA0707F-B999-46E5-51DB-AD066E9FB4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Fine-Tuning LLMs</a:t>
            </a:r>
          </a:p>
        </p:txBody>
      </p:sp>
    </p:spTree>
    <p:extLst>
      <p:ext uri="{BB962C8B-B14F-4D97-AF65-F5344CB8AC3E}">
        <p14:creationId xmlns:p14="http://schemas.microsoft.com/office/powerpoint/2010/main" val="2392587475"/>
      </p:ext>
    </p:extLst>
  </p:cSld>
  <p:clrMapOvr>
    <a:masterClrMapping/>
  </p:clrMapOvr>
  <p:transition>
    <p:fade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C6944ED-292A-9AFC-E9BD-53A931E0961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87" y="0"/>
            <a:ext cx="12193588" cy="6858893"/>
          </a:xfrm>
          <a:prstGeom prst="rect">
            <a:avLst/>
          </a:prstGeom>
        </p:spPr>
      </p:pic>
      <p:sp>
        <p:nvSpPr>
          <p:cNvPr id="9" name="Title 8">
            <a:extLst>
              <a:ext uri="{FF2B5EF4-FFF2-40B4-BE49-F238E27FC236}">
                <a16:creationId xmlns:a16="http://schemas.microsoft.com/office/drawing/2014/main" id="{5F253D4B-DCBF-0B4C-849A-D37213C20E2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794076" y="3090446"/>
            <a:ext cx="9895124" cy="677108"/>
          </a:xfrm>
        </p:spPr>
        <p:txBody>
          <a:bodyPr wrap="square" anchor="ctr">
            <a:noAutofit/>
          </a:bodyPr>
          <a:lstStyle/>
          <a:p>
            <a:r>
              <a:rPr lang="en-US" dirty="0">
                <a:solidFill>
                  <a:schemeClr val="bg1"/>
                </a:solidFill>
              </a:rPr>
              <a:t>Q &amp; A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86C7D5D6-FAA1-30AE-887B-580D6AAE41B4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593273" y="2867675"/>
            <a:ext cx="841987" cy="112264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03540726"/>
      </p:ext>
    </p:extLst>
  </p:cSld>
  <p:clrMapOvr>
    <a:masterClrMapping/>
  </p:clrMapOvr>
  <p:transition>
    <p:fade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2CC09055-45F2-931A-8632-CA9739BF936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DE" dirty="0"/>
              <a:t>André Anan Gilbert</a:t>
            </a:r>
          </a:p>
          <a:p>
            <a:r>
              <a:rPr lang="en-DE" dirty="0"/>
              <a:t>Email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10DAC41-0A68-5119-378A-DCFA4DB0E6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Thank you.</a:t>
            </a:r>
          </a:p>
        </p:txBody>
      </p:sp>
    </p:spTree>
    <p:extLst>
      <p:ext uri="{BB962C8B-B14F-4D97-AF65-F5344CB8AC3E}">
        <p14:creationId xmlns:p14="http://schemas.microsoft.com/office/powerpoint/2010/main" val="2519674815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A3EF724C-E67A-667B-9307-95656BBC7EB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r>
              <a:rPr lang="en-US" dirty="0"/>
              <a:t>What is an LLM doing?</a:t>
            </a:r>
          </a:p>
          <a:p>
            <a:r>
              <a:rPr lang="en-US" dirty="0"/>
              <a:t>LLMs need Tools</a:t>
            </a:r>
          </a:p>
          <a:p>
            <a:r>
              <a:rPr lang="en-DE" dirty="0"/>
              <a:t>LLM-powered AI Agents</a:t>
            </a:r>
          </a:p>
          <a:p>
            <a:r>
              <a:rPr lang="en-DE" dirty="0"/>
              <a:t>Q &amp; A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23AC7D-AC39-E128-ECAD-BEA47202B3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2972876816"/>
      </p:ext>
    </p:extLst>
  </p:cSld>
  <p:clrMapOvr>
    <a:masterClrMapping/>
  </p:clrMapOvr>
  <p:transition>
    <p:fad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1A93BF4-436E-4B37-5610-6ED395FD9B6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DE" dirty="0"/>
              <a:t>Human thought</a:t>
            </a:r>
          </a:p>
          <a:p>
            <a:pPr lvl="1"/>
            <a:r>
              <a:rPr lang="en-GB" dirty="0"/>
              <a:t>Is inherently creative as thought differs from human to human</a:t>
            </a:r>
            <a:endParaRPr lang="en-DE" dirty="0"/>
          </a:p>
          <a:p>
            <a:pPr lvl="1"/>
            <a:r>
              <a:rPr lang="en-DE" dirty="0"/>
              <a:t>Ambiguity</a:t>
            </a:r>
          </a:p>
          <a:p>
            <a:pPr lvl="1"/>
            <a:endParaRPr lang="en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53DBC24-15C0-EEB4-6904-CF2FA82DA9E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pPr>
              <a:buClr>
                <a:schemeClr val="tx1"/>
              </a:buClr>
            </a:pPr>
            <a:r>
              <a:rPr lang="en-DE" dirty="0"/>
              <a:t>LLMs occupy a middle ground</a:t>
            </a:r>
          </a:p>
          <a:p>
            <a:pPr lvl="1"/>
            <a:r>
              <a:rPr lang="en-DE" dirty="0"/>
              <a:t>Are fluent in natural language, yet they don’t really understand what they say</a:t>
            </a:r>
          </a:p>
          <a:p>
            <a:pPr lvl="1"/>
            <a:r>
              <a:rPr lang="en-DE" dirty="0"/>
              <a:t>Are bad at executing algorithms, yet they can be instructed </a:t>
            </a:r>
            <a:r>
              <a:rPr lang="en-DE" dirty="0">
                <a:solidFill>
                  <a:schemeClr val="bg1"/>
                </a:solidFill>
              </a:rPr>
              <a:t>to execute the appropiate algorithm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5500676-CB8A-5BCA-29C2-D1A58DF45D3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>
              <a:buClr>
                <a:schemeClr val="tx1"/>
              </a:buClr>
            </a:pPr>
            <a:r>
              <a:rPr lang="en-DE" dirty="0"/>
              <a:t>Algorithmic reasoning</a:t>
            </a:r>
          </a:p>
          <a:p>
            <a:pPr lvl="1"/>
            <a:r>
              <a:rPr lang="en-DE" dirty="0"/>
              <a:t>A process that yields the same output given the same input</a:t>
            </a:r>
          </a:p>
          <a:p>
            <a:pPr lvl="1"/>
            <a:r>
              <a:rPr lang="en-DE" dirty="0"/>
              <a:t>No ambiguity</a:t>
            </a: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3DEE99ED-BBFA-316D-E15B-44467EF852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is an LLM doing?</a:t>
            </a:r>
            <a:endParaRPr lang="en-DE" dirty="0"/>
          </a:p>
        </p:txBody>
      </p:sp>
      <p:pic>
        <p:nvPicPr>
          <p:cNvPr id="13" name="Picture Placeholder 12">
            <a:extLst>
              <a:ext uri="{FF2B5EF4-FFF2-40B4-BE49-F238E27FC236}">
                <a16:creationId xmlns:a16="http://schemas.microsoft.com/office/drawing/2014/main" id="{187C9196-6463-A0F4-2441-88E441B7BAAA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3"/>
          <a:srcRect t="7739" b="7739"/>
          <a:stretch>
            <a:fillRect/>
          </a:stretch>
        </p:blipFill>
        <p:spPr>
          <a:prstGeom prst="roundRect">
            <a:avLst>
              <a:gd name="adj" fmla="val 8670"/>
            </a:avLst>
          </a:prstGeom>
          <a:noFill/>
          <a:effectLst>
            <a:outerShdw blurRad="508000" dist="190500" dir="5400000" algn="ctr" rotWithShape="0">
              <a:srgbClr val="0070F3">
                <a:alpha val="14902"/>
              </a:srgbClr>
            </a:outerShdw>
            <a:softEdge rad="0"/>
          </a:effectLst>
        </p:spPr>
      </p:pic>
      <p:pic>
        <p:nvPicPr>
          <p:cNvPr id="21" name="Picture Placeholder 20">
            <a:extLst>
              <a:ext uri="{FF2B5EF4-FFF2-40B4-BE49-F238E27FC236}">
                <a16:creationId xmlns:a16="http://schemas.microsoft.com/office/drawing/2014/main" id="{DBAD986B-A7A2-1594-8392-6A341CE4D6E3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4"/>
          <a:srcRect t="7719" b="7719"/>
          <a:stretch>
            <a:fillRect/>
          </a:stretch>
        </p:blipFill>
        <p:spPr>
          <a:prstGeom prst="roundRect">
            <a:avLst>
              <a:gd name="adj" fmla="val 8670"/>
            </a:avLst>
          </a:prstGeom>
          <a:effectLst>
            <a:outerShdw blurRad="508000" dist="190500" dir="5400000" algn="ctr" rotWithShape="0">
              <a:srgbClr val="0070F3">
                <a:alpha val="14902"/>
              </a:srgbClr>
            </a:outerShdw>
            <a:softEdge rad="0"/>
          </a:effectLst>
        </p:spPr>
      </p:pic>
      <p:pic>
        <p:nvPicPr>
          <p:cNvPr id="29" name="Picture Placeholder 28">
            <a:extLst>
              <a:ext uri="{FF2B5EF4-FFF2-40B4-BE49-F238E27FC236}">
                <a16:creationId xmlns:a16="http://schemas.microsoft.com/office/drawing/2014/main" id="{CC6F0EA3-65AA-663B-55B5-658D11A157F3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/>
          <a:srcRect t="7719" b="7719"/>
          <a:stretch>
            <a:fillRect/>
          </a:stretch>
        </p:blipFill>
        <p:spPr>
          <a:prstGeom prst="roundRect">
            <a:avLst>
              <a:gd name="adj" fmla="val 8670"/>
            </a:avLst>
          </a:prstGeom>
          <a:effectLst>
            <a:outerShdw blurRad="508000" dist="190500" dir="5400000" algn="ctr" rotWithShape="0">
              <a:srgbClr val="0070F3">
                <a:alpha val="14902"/>
              </a:srgbClr>
            </a:outerShdw>
            <a:softEdge rad="0"/>
          </a:effectLst>
        </p:spPr>
      </p:pic>
    </p:spTree>
    <p:extLst>
      <p:ext uri="{BB962C8B-B14F-4D97-AF65-F5344CB8AC3E}">
        <p14:creationId xmlns:p14="http://schemas.microsoft.com/office/powerpoint/2010/main" val="163284673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95D94F-E015-1AC9-55D5-BA39577DEF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81C613E-0762-09EE-6339-A0E50FDFEF1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DE" dirty="0"/>
              <a:t>Tools</a:t>
            </a:r>
          </a:p>
          <a:p>
            <a:pPr lvl="1"/>
            <a:r>
              <a:rPr lang="en-DE" dirty="0"/>
              <a:t>Allow LLMs to pursue specific, scoped goals</a:t>
            </a:r>
          </a:p>
          <a:p>
            <a:pPr lvl="1"/>
            <a:r>
              <a:rPr lang="en-DE" dirty="0"/>
              <a:t>Enable automation of repetitive tasks</a:t>
            </a:r>
          </a:p>
          <a:p>
            <a:pPr lvl="1"/>
            <a:r>
              <a:rPr lang="en-GB" dirty="0"/>
              <a:t>Include APIs, SDKs, or specialized tools for tasks challenging for LLMs (math, current date)</a:t>
            </a:r>
          </a:p>
          <a:p>
            <a:r>
              <a:rPr lang="en-DE" dirty="0"/>
              <a:t>Governed tool access</a:t>
            </a:r>
          </a:p>
          <a:p>
            <a:pPr lvl="1"/>
            <a:r>
              <a:rPr lang="en-DE" dirty="0"/>
              <a:t>Tools should have a tiered access level</a:t>
            </a:r>
          </a:p>
          <a:p>
            <a:pPr lvl="2"/>
            <a:r>
              <a:rPr lang="en-GB" dirty="0"/>
              <a:t>Tool can be executed</a:t>
            </a:r>
          </a:p>
          <a:p>
            <a:pPr lvl="2"/>
            <a:r>
              <a:rPr lang="en-GB" dirty="0"/>
              <a:t>Tool needs approval before execution</a:t>
            </a:r>
          </a:p>
          <a:p>
            <a:pPr lvl="2"/>
            <a:r>
              <a:rPr lang="en-GB" dirty="0"/>
              <a:t>Tool can only be suggested</a:t>
            </a:r>
          </a:p>
          <a:p>
            <a:pPr lvl="2"/>
            <a:endParaRPr lang="en-DE" dirty="0"/>
          </a:p>
          <a:p>
            <a:pPr lvl="1"/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6053C39-9810-EDBD-C725-100CB5B575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LMs need Tools</a:t>
            </a:r>
            <a:endParaRPr lang="en-DE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9720901-D3CE-A271-2876-F5FDFE3B612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pic>
        <p:nvPicPr>
          <p:cNvPr id="1030" name="Picture 6" descr="LangChain on X: &quot;🤖 Agent Toolkits: Robocorp 🤖 Tool use is a central  component of agentic workflows, but converting arbitrary function into tools  can be a challenge. Enter @RobocorpInc's action server! It's">
            <a:extLst>
              <a:ext uri="{FF2B5EF4-FFF2-40B4-BE49-F238E27FC236}">
                <a16:creationId xmlns:a16="http://schemas.microsoft.com/office/drawing/2014/main" id="{7C1BA4B2-2BC4-A752-8FB7-346B35B4620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4930" t="6666" b="6666"/>
          <a:stretch/>
        </p:blipFill>
        <p:spPr bwMode="auto">
          <a:xfrm>
            <a:off x="6362478" y="1557338"/>
            <a:ext cx="5328000" cy="7406366"/>
          </a:xfrm>
          <a:prstGeom prst="roundRect">
            <a:avLst>
              <a:gd name="adj" fmla="val 6449"/>
            </a:avLst>
          </a:prstGeom>
          <a:effectLst>
            <a:outerShdw blurRad="508000" dist="190500" dir="5400000" algn="ctr" rotWithShape="0">
              <a:prstClr val="black">
                <a:alpha val="15000"/>
              </a:prstClr>
            </a:outerShdw>
            <a:softEdge rad="0"/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71FA05C3-049E-4D7E-2C83-BAE7DA4D33A2}"/>
              </a:ext>
            </a:extLst>
          </p:cNvPr>
          <p:cNvSpPr/>
          <p:nvPr/>
        </p:nvSpPr>
        <p:spPr bwMode="gray">
          <a:xfrm>
            <a:off x="6362476" y="2060121"/>
            <a:ext cx="838424" cy="6400800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281519927"/>
      </p:ext>
    </p:extLst>
  </p:cSld>
  <p:clrMapOvr>
    <a:masterClrMapping/>
  </p:clrMapOvr>
  <p:transition>
    <p:fade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E105BB0-F40C-9A4D-8C63-EDD3CF30010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E" dirty="0"/>
              <a:t>LLM-powered AI Agents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5EC581B-059D-F89F-71BE-7B5693E01491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/>
      </p:sp>
      <p:pic>
        <p:nvPicPr>
          <p:cNvPr id="8" name="Picture Placeholder 7">
            <a:extLst>
              <a:ext uri="{FF2B5EF4-FFF2-40B4-BE49-F238E27FC236}">
                <a16:creationId xmlns:a16="http://schemas.microsoft.com/office/drawing/2014/main" id="{D793447B-FFF7-7E5D-542E-A6138E78FBDD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2513" b="24921"/>
          <a:stretch/>
        </p:blipFill>
        <p:spPr>
          <a:xfrm>
            <a:off x="1587" y="3429000"/>
            <a:ext cx="12192000" cy="3429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11471822"/>
      </p:ext>
    </p:extLst>
  </p:cSld>
  <p:clrMapOvr>
    <a:masterClrMapping/>
  </p:clrMapOvr>
  <p:transition>
    <p:fade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C6944ED-292A-9AFC-E9BD-53A931E0961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87" y="0"/>
            <a:ext cx="12193588" cy="6858893"/>
          </a:xfrm>
          <a:prstGeom prst="rect">
            <a:avLst/>
          </a:prstGeom>
        </p:spPr>
      </p:pic>
      <p:sp>
        <p:nvSpPr>
          <p:cNvPr id="9" name="Title 8">
            <a:extLst>
              <a:ext uri="{FF2B5EF4-FFF2-40B4-BE49-F238E27FC236}">
                <a16:creationId xmlns:a16="http://schemas.microsoft.com/office/drawing/2014/main" id="{5F253D4B-DCBF-0B4C-849A-D37213C20E2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794076" y="3090446"/>
            <a:ext cx="9895124" cy="677108"/>
          </a:xfrm>
        </p:spPr>
        <p:txBody>
          <a:bodyPr wrap="square" anchor="ctr">
            <a:noAutofit/>
          </a:bodyPr>
          <a:lstStyle/>
          <a:p>
            <a:r>
              <a:rPr lang="en-US" dirty="0">
                <a:solidFill>
                  <a:schemeClr val="bg1"/>
                </a:solidFill>
              </a:rPr>
              <a:t>Q &amp; A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86C7D5D6-FAA1-30AE-887B-580D6AAE41B4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593273" y="2867675"/>
            <a:ext cx="841987" cy="112264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45380462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2CC09055-45F2-931A-8632-CA9739BF936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DE" dirty="0"/>
              <a:t>André Anan Gilbert</a:t>
            </a:r>
          </a:p>
          <a:p>
            <a:r>
              <a:rPr lang="en-DE" dirty="0"/>
              <a:t>Email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10DAC41-0A68-5119-378A-DCFA4DB0E6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Thank you.</a:t>
            </a:r>
          </a:p>
        </p:txBody>
      </p:sp>
    </p:spTree>
    <p:extLst>
      <p:ext uri="{BB962C8B-B14F-4D97-AF65-F5344CB8AC3E}">
        <p14:creationId xmlns:p14="http://schemas.microsoft.com/office/powerpoint/2010/main" val="1141283520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5002B10-34AA-E445-77A3-80FB43BBB5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Developing Your </a:t>
            </a:r>
            <a:br>
              <a:rPr lang="en-DE" dirty="0"/>
            </a:br>
            <a:r>
              <a:rPr lang="en-DE" dirty="0"/>
              <a:t>LLM Intuition</a:t>
            </a:r>
          </a:p>
        </p:txBody>
      </p:sp>
      <p:sp>
        <p:nvSpPr>
          <p:cNvPr id="5" name="Spaker name - Dynamic" descr="{&quot;templafy&quot;:{&quot;id&quot;:&quot;1ad29847-a486-408b-89a1-18d833107216&quot;}}">
            <a:extLst>
              <a:ext uri="{FF2B5EF4-FFF2-40B4-BE49-F238E27FC236}">
                <a16:creationId xmlns:a16="http://schemas.microsoft.com/office/drawing/2014/main" id="{7CF11C94-F563-40B0-0384-A936B226A441}"/>
              </a:ext>
            </a:extLst>
          </p:cNvPr>
          <p:cNvSpPr txBox="1">
            <a:spLocks/>
          </p:cNvSpPr>
          <p:nvPr/>
        </p:nvSpPr>
        <p:spPr>
          <a:xfrm>
            <a:off x="287925" y="4274556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bg1"/>
                </a:solidFill>
                <a:latin typeface="72 Brand" panose="020B0504030603020204" pitchFamily="34" charset="0"/>
                <a:cs typeface="72" panose="020B0503030000000003" pitchFamily="34" charset="0"/>
              </a:rPr>
              <a:t>André Anan Gilbert</a:t>
            </a:r>
          </a:p>
        </p:txBody>
      </p:sp>
      <p:sp>
        <p:nvSpPr>
          <p:cNvPr id="6" name="Date - Dynamic" descr="{&quot;templafy&quot;:{&quot;id&quot;:&quot;5a6cbae5-f7bb-440d-9b10-2e49dfb0fdd8&quot;}}">
            <a:extLst>
              <a:ext uri="{FF2B5EF4-FFF2-40B4-BE49-F238E27FC236}">
                <a16:creationId xmlns:a16="http://schemas.microsoft.com/office/drawing/2014/main" id="{309C727D-6985-4DC5-D9ED-2F333A9AAB8F}"/>
              </a:ext>
            </a:extLst>
          </p:cNvPr>
          <p:cNvSpPr txBox="1">
            <a:spLocks/>
          </p:cNvSpPr>
          <p:nvPr/>
        </p:nvSpPr>
        <p:spPr>
          <a:xfrm>
            <a:off x="287925" y="4477854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1400" dirty="0">
                <a:solidFill>
                  <a:schemeClr val="bg1"/>
                </a:solidFill>
                <a:latin typeface="72 Brand" panose="020B0504030603020204" pitchFamily="34" charset="0"/>
                <a:cs typeface="72" panose="020B0503030000000003" pitchFamily="34" charset="0"/>
              </a:rPr>
              <a:t>Jun 06, 2024</a:t>
            </a:r>
          </a:p>
        </p:txBody>
      </p:sp>
      <p:pic>
        <p:nvPicPr>
          <p:cNvPr id="16" name="Picture Placeholder 15">
            <a:extLst>
              <a:ext uri="{FF2B5EF4-FFF2-40B4-BE49-F238E27FC236}">
                <a16:creationId xmlns:a16="http://schemas.microsoft.com/office/drawing/2014/main" id="{F077CBE4-226A-85F1-C7B4-C024FDD4BA73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/>
          <a:srcRect l="30931" r="30931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1578326998"/>
      </p:ext>
    </p:extLst>
  </p:cSld>
  <p:clrMapOvr>
    <a:masterClrMapping/>
  </p:clrMapOvr>
  <p:transition>
    <p:fade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A3EF724C-E67A-667B-9307-95656BBC7EB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r>
              <a:rPr lang="en-US" dirty="0"/>
              <a:t>Retrieval Augmented Generation</a:t>
            </a:r>
          </a:p>
          <a:p>
            <a:r>
              <a:rPr lang="en-DE" dirty="0"/>
              <a:t>Fine-Tuning LLMs</a:t>
            </a:r>
          </a:p>
          <a:p>
            <a:r>
              <a:rPr lang="en-DE" dirty="0"/>
              <a:t>Q &amp; A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23AC7D-AC39-E128-ECAD-BEA47202B3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561673818"/>
      </p:ext>
    </p:extLst>
  </p:cSld>
  <p:clrMapOvr>
    <a:masterClrMapping/>
  </p:clrMapOvr>
  <p:transition>
    <p:fad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4,"isValidatorEnabled":false,"isLocked":false,"elementsMetadata":[],"slideId":"638315636853944153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2,"isValidatorEnabled":false,"isLocked":false,"elementsMetadata":[],"slideId":"638315636837807620","enableDocumentContentUpdater":false,"version":"2.0"}]]></TemplafySlideTemplateConfiguration>
</file>

<file path=customXml/item2.xml><?xml version="1.0" encoding="utf-8"?>
<TemplafyTemplateConfiguration><![CDATA[{"elementsMetadata":[{"type":"shape","id":"a930211a-774d-4ac0-9f6c-cf52aa3808d2","elementConfiguration":{"binding":"{{ DataSources.Classification[Form.Classification.Name].Display}}","type":"text","disableUpdates":false}},{"type":"shape","id":"465bfe27-7796-4882-b3dd-2d97cc1ed413","elementConfiguration":{"inheritDimensions":"{{InheritDimensions.InheritNone}}","width":"","height":"1 cm","image":"{{Form.SAPLogo.SubbrandBlue}}","visibility":"","type":"image","disableUpdates":false}},{"type":"shape","id":"c30d663e-e34e-4d06-89e6-0de43b83637f","elementConfiguration":{"binding":"{{Form.Classification.Display}}","visibility":"","type":"text","disableUpdates":false}},{"type":"shape","id":"730f1943-fe7f-4068-b0f9-c2be33d4d9de","elementConfiguration":{"binding":"{{Form.Classification.Display}}","visibility":"","type":"text","disableUpdates":false}},{"type":"shape","id":"2609b4c7-1c71-4a85-826c-9b5d9a2d5db9","elementConfiguration":{"inheritDimensions":"{{InheritDimensions.InheritNone}}","width":"","height":"1 cm","image":"{{Form.SAPLogo.SubbrandBlack}}","visibility":"","type":"image","disableUpdates":false}},{"type":"shape","id":"7acd2f1c-9f40-458b-90af-14725951b635","elementConfiguration":{"inheritDimensions":"{{InheritDimensions.InheritNone}}","width":"","height":"1 cm","image":"{{Form.SAPLogo.SubbrandWhite}}","visibility":"","type":"image","disableUpdates":false}},{"type":"shape","id":"8e25e3d2-ea52-4065-98cd-1ebb17fa57dd","elementConfiguration":{"binding":"{{Form.Classification.Display}}","visibility":"","type":"text","disableUpdates":false}},{"type":"shape","id":"8f17507f-a79a-492e-8fe0-fc24e8a2b967","elementConfiguration":{"inheritDimensions":"{{InheritDimensions.InheritNone}}","width":"","height":"1 cm","image":"{{Form.SAPLogo.SubbrandBlue}}","visibility":"","type":"image","disableUpdates":false}},{"type":"shape","id":"9099b413-5317-412f-acd8-f3bd3740ddc8","elementConfiguration":{"binding":"{{Form.Classification.Display}}","visibility":"","type":"text","disableUpdates":false}},{"type":"shape","id":"4a029c5d-d0a5-4453-a0e4-6368575ffec3","elementConfiguration":{"inheritDimensions":"{{InheritDimensions.InheritNone}}","width":"","height":"1 cm","image":"{{Form.SAPLogo.SubbrandBlue}}","visibility":"","type":"image","disableUpdates":false}},{"type":"shape","id":"9a60cbae-3d31-41a2-9e73-2e6a50e5e519","elementConfiguration":{"binding":"{{Form.Classification.Display}}","visibility":"","type":"text","disableUpdates":false}},{"type":"shape","id":"3c39d88d-c49d-415f-b6a7-2583175dbd2b","elementConfiguration":{"inheritDimensions":"{{InheritDimensions.InheritNone}}","width":"","height":"1 cm","image":"{{Form.SAPLogo.SubbrandBlue}}","visibility":"","type":"image","disableUpdates":false}},{"type":"shape","id":"4cd29830-5264-4358-9a58-3fde2387cb47","elementConfiguration":{"binding":"{{Form.Classification.Display}}","visibility":"","type":"text","disableUpdates":false}},{"type":"shape","id":"d2732587-934d-4a65-9945-aec0ae879e20","elementConfiguration":{"inheritDimensions":"{{InheritDimensions.InheritNone}}","width":"","height":"1 cm","image":"{{Form.SAPLogo.SubbrandWhite}}","visibility":"","type":"image","disableUpdates":false}},{"type":"shape","id":"a994ef10-659b-4b35-96fb-a9e830e7999f","elementConfiguration":{"binding":"{{Form.Classification.Display}}","visibility":"","type":"text","disableUpdates":false}},{"type":"shape","id":"d7dc28ea-0a02-46f3-b439-5846873c88dd","elementConfiguration":{"binding":"{{DataSources.PPTCopyRight[\"Slide 5 copyright\"].CopyrightMessage}}","visibility":"","type":"text","disableUpdates":false}},{"type":"shape","id":"42c52ff4-ba04-4591-933f-c29ce4659150","elementConfiguration":{"inheritDimensions":"{{InheritDimensions.InheritNone}}","width":"","height":"1 cm","image":"{{Form.SAPLogo.SubbrandBlack}}","visibility":"","type":"image","disableUpdates":false}},{"type":"shape","id":"df92d420-fd02-4cdc-9afb-0769a542513b","elementConfiguration":{"binding":"{{Form.Classification.Display}}","visibility":"","type":"text","disableUpdates":false}},{"type":"shape","id":"686b3be4-7ffd-4782-9d5d-944d0d8d3901","elementConfiguration":{"inheritDimensions":"{{InheritDimensions.InheritNone}}","width":"","height":"1 cm","image":"{{Form.SAPLogo.SubbrandWhite}}","visibility":"","type":"image","disableUpdates":false}},{"type":"shape","id":"6b400c14-ddb5-4bd6-ade9-5b2dc5ddc6f3","elementConfiguration":{"binding":"{{Form.Classification.Display}}","visibility":"","type":"text","disableUpdates":false}},{"type":"shape","id":"ab3d0be2-f448-4fef-90f0-0c1595b7b728","elementConfiguration":{"inheritDimensions":"{{InheritDimensions.InheritNone}}","width":"","height":"1 cm","image":"{{Form.SAPLogo.SubbrandBlack}}","visibility":"","type":"image","disableUpdates":false}},{"type":"shape","id":"3d4daadb-6a8d-4900-ab06-557405523d64","elementConfiguration":{"binding":"{{Form.Classification.Display}}","visibility":"","type":"text","disableUpdates":false}},{"type":"shape","id":"365d6e36-e1a4-45bf-8940-909c98207e55","elementConfiguration":{"inheritDimensions":"{{InheritDimensions.InheritNone}}","width":"","height":"1 cm","image":"{{Form.SAPLogo.SubbrandWhite}}","visibility":"","type":"image","disableUpdates":false}},{"type":"shape","id":"40029399-284d-45df-8dab-93e43df081f9","elementConfiguration":{"binding":"{{Form.Classification.Display}}","visibility":"","type":"text","disableUpdates":false}},{"type":"shape","id":"8534d7f1-2ca2-4d68-9a1b-3a520c5e5c60","elementConfiguration":{"inheritDimensions":"{{InheritDimensions.InheritNone}}","width":"","height":"1 cm","image":"{{Form.SAPLogo.SubbrandWhite}}","visibility":"","type":"image","disableUpdates":false}},{"type":"shape","id":"a79113de-6605-4355-90ed-a63c8464625f","elementConfiguration":{"binding":"{{Form.Classification.Display}}","visibility":"","type":"text","disableUpdates":false}}],"transformationConfigurations":[],"templateName":"Blank - PowerPoint_20231019","templateDescription":"","enableDocumentContentUpdater":true,"version":"2.0"}]]></TemplafyTemplateConfiguration>
</file>

<file path=customXml/item3.xml><?xml version="1.0" encoding="utf-8"?>
<TemplafySlideTemplateConfiguration><![CDATA[{"slideVersion":2,"isValidatorEnabled":false,"isLocked":false,"elementsMetadata":[],"slideId":"638315636837807620","enableDocumentContentUpdater":false,"version":"2.0"}]]></TemplafySlide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5.xml><?xml version="1.0" encoding="utf-8"?>
<TemplafyFormConfiguration><![CDATA[{"formFields":[{"distinct":false,"hideIfNoUserInteractionRequired":false,"required":false,"defaultValue":" SAP Corporate","autoSelectFirstOption":false,"shareValue":false,"type":"dropDown","dataSourceName":"PPTSubBrandLogos2023","dataSourceFieldName":"Name","name":"SAPLogo","label":"Select Template"},{"distinct":false,"hideIfNoUserInteractionRequired":false,"required":false,"defaultValue":"INTERNAL - SAP Only","autoSelectFirstOption":false,"shareValue":false,"type":"dropDown","dataSourceName":"Classification","dataSourceFieldName":"Name","name":"Classification","label":"Select Classification"}],"formDataEntries":[{"name":"SAPLogo","value":"pxB0tb4qiCEYCgGk2fAV86fXsKRk9ZMKiRC3VaLJ5C8="},{"name":"Classification","value":"bNSU3Pw4Gyc4shCtJaykrx0wvtlxo5J8zr5MhVcSZRA="}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D578F71-AA56-4EA4-BCE5-9DC6BE2AEB0C}">
  <ds:schemaRefs/>
</ds:datastoreItem>
</file>

<file path=customXml/itemProps10.xml><?xml version="1.0" encoding="utf-8"?>
<ds:datastoreItem xmlns:ds="http://schemas.openxmlformats.org/officeDocument/2006/customXml" ds:itemID="{9A1EC6C0-585A-E049-9DAB-A6511C3C340D}">
  <ds:schemaRefs/>
</ds:datastoreItem>
</file>

<file path=customXml/itemProps11.xml><?xml version="1.0" encoding="utf-8"?>
<ds:datastoreItem xmlns:ds="http://schemas.openxmlformats.org/officeDocument/2006/customXml" ds:itemID="{B3812128-B7DF-461F-A8F2-831754A1D2F6}">
  <ds:schemaRefs>
    <ds:schemaRef ds:uri="0e00d59e-b0d2-4e67-be34-67e465b0fbed"/>
    <ds:schemaRef ds:uri="47fc58d8-9f4b-4bc8-b278-c3cb6f298023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12.xml><?xml version="1.0" encoding="utf-8"?>
<ds:datastoreItem xmlns:ds="http://schemas.openxmlformats.org/officeDocument/2006/customXml" ds:itemID="{31CBAEE5-3B41-0740-99C5-8C8FD768EC02}">
  <ds:schemaRefs/>
</ds:datastoreItem>
</file>

<file path=customXml/itemProps13.xml><?xml version="1.0" encoding="utf-8"?>
<ds:datastoreItem xmlns:ds="http://schemas.openxmlformats.org/officeDocument/2006/customXml" ds:itemID="{1A315F2E-482C-934B-8094-0FBCF7812791}">
  <ds:schemaRefs/>
</ds:datastoreItem>
</file>

<file path=customXml/itemProps2.xml><?xml version="1.0" encoding="utf-8"?>
<ds:datastoreItem xmlns:ds="http://schemas.openxmlformats.org/officeDocument/2006/customXml" ds:itemID="{626BBCBB-1894-4E66-BA48-9E91CE3ACBA0}">
  <ds:schemaRefs/>
</ds:datastoreItem>
</file>

<file path=customXml/itemProps3.xml><?xml version="1.0" encoding="utf-8"?>
<ds:datastoreItem xmlns:ds="http://schemas.openxmlformats.org/officeDocument/2006/customXml" ds:itemID="{813F551D-B859-924D-A5B0-2369224925F6}">
  <ds:schemaRefs/>
</ds:datastoreItem>
</file>

<file path=customXml/itemProps4.xml><?xml version="1.0" encoding="utf-8"?>
<ds:datastoreItem xmlns:ds="http://schemas.openxmlformats.org/officeDocument/2006/customXml" ds:itemID="{C1422F45-04DB-421D-8796-270006657806}">
  <ds:schemaRefs>
    <ds:schemaRef ds:uri="47fc58d8-9f4b-4bc8-b278-c3cb6f298023"/>
    <ds:schemaRef ds:uri="http://purl.org/dc/terms/"/>
    <ds:schemaRef ds:uri="http://purl.org/dc/elements/1.1/"/>
    <ds:schemaRef ds:uri="http://schemas.microsoft.com/office/2006/documentManagement/types"/>
    <ds:schemaRef ds:uri="http://schemas.microsoft.com/office/2006/metadata/properties"/>
    <ds:schemaRef ds:uri="0e00d59e-b0d2-4e67-be34-67e465b0fbed"/>
    <ds:schemaRef ds:uri="http://www.w3.org/XML/1998/namespace"/>
    <ds:schemaRef ds:uri="http://purl.org/dc/dcmitype/"/>
    <ds:schemaRef ds:uri="http://schemas.microsoft.com/office/infopath/2007/PartnerControls"/>
    <ds:schemaRef ds:uri="http://schemas.openxmlformats.org/package/2006/metadata/core-properties"/>
  </ds:schemaRefs>
</ds:datastoreItem>
</file>

<file path=customXml/itemProps5.xml><?xml version="1.0" encoding="utf-8"?>
<ds:datastoreItem xmlns:ds="http://schemas.openxmlformats.org/officeDocument/2006/customXml" ds:itemID="{CC49FFC8-2FF3-4057-96F0-3BCD1A4F0351}">
  <ds:schemaRefs/>
</ds:datastoreItem>
</file>

<file path=customXml/itemProps6.xml><?xml version="1.0" encoding="utf-8"?>
<ds:datastoreItem xmlns:ds="http://schemas.openxmlformats.org/officeDocument/2006/customXml" ds:itemID="{C54D2649-1D8F-4958-A244-6521BD1F913B}">
  <ds:schemaRefs/>
</ds:datastoreItem>
</file>

<file path=customXml/itemProps7.xml><?xml version="1.0" encoding="utf-8"?>
<ds:datastoreItem xmlns:ds="http://schemas.openxmlformats.org/officeDocument/2006/customXml" ds:itemID="{20AD2FA6-6913-43F7-86DE-8AF1545F9903}">
  <ds:schemaRefs/>
</ds:datastoreItem>
</file>

<file path=customXml/itemProps8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D06AD3D1-7FF9-4536-AD60-A17870F9073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580</TotalTime>
  <Words>217</Words>
  <Application>Microsoft Macintosh PowerPoint</Application>
  <PresentationFormat>Custom</PresentationFormat>
  <Paragraphs>56</Paragraphs>
  <Slides>13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23" baseType="lpstr">
      <vt:lpstr>Arial</vt:lpstr>
      <vt:lpstr>72 Brand Medium</vt:lpstr>
      <vt:lpstr>wingdings</vt:lpstr>
      <vt:lpstr>Roboto</vt:lpstr>
      <vt:lpstr>wingdings</vt:lpstr>
      <vt:lpstr>72 Brand</vt:lpstr>
      <vt:lpstr>Courier New</vt:lpstr>
      <vt:lpstr>Arial Unicode MS</vt:lpstr>
      <vt:lpstr>Symbol</vt:lpstr>
      <vt:lpstr>SAP Template 2023</vt:lpstr>
      <vt:lpstr>Developing Your  LLM Intuition</vt:lpstr>
      <vt:lpstr>Agenda</vt:lpstr>
      <vt:lpstr>What is an LLM doing?</vt:lpstr>
      <vt:lpstr>LLMs need Tools</vt:lpstr>
      <vt:lpstr>LLM-powered AI Agents</vt:lpstr>
      <vt:lpstr>Q &amp; A</vt:lpstr>
      <vt:lpstr>Thank you.</vt:lpstr>
      <vt:lpstr>Developing Your  LLM Intuition</vt:lpstr>
      <vt:lpstr>Agenda</vt:lpstr>
      <vt:lpstr>Retrieval Augmented Generation</vt:lpstr>
      <vt:lpstr>Fine-Tuning LLMs</vt:lpstr>
      <vt:lpstr>Q &amp; A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cp:keywords>2023/16:9/white</cp:keywords>
  <dc:description/>
  <cp:lastModifiedBy>Gilbert, Andre-Anan</cp:lastModifiedBy>
  <cp:revision>26</cp:revision>
  <dcterms:created xsi:type="dcterms:W3CDTF">2023-11-09T15:12:49Z</dcterms:created>
  <dcterms:modified xsi:type="dcterms:W3CDTF">2024-05-11T07:20:35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11-07T15:08:27</vt:lpwstr>
  </property>
  <property fmtid="{D5CDD505-2E9C-101B-9397-08002B2CF9AE}" pid="10" name="TemplafyTenantId">
    <vt:lpwstr>sap</vt:lpwstr>
  </property>
  <property fmtid="{D5CDD505-2E9C-101B-9397-08002B2CF9AE}" pid="11" name="TemplafyTemplateId">
    <vt:lpwstr>772325357892403206</vt:lpwstr>
  </property>
  <property fmtid="{D5CDD505-2E9C-101B-9397-08002B2CF9AE}" pid="12" name="TemplafyUserProfileId">
    <vt:lpwstr>637709314507580434</vt:lpwstr>
  </property>
  <property fmtid="{D5CDD505-2E9C-101B-9397-08002B2CF9AE}" pid="13" name="TemplafyLanguageCode">
    <vt:lpwstr>en-US</vt:lpwstr>
  </property>
  <property fmtid="{D5CDD505-2E9C-101B-9397-08002B2CF9AE}" pid="14" name="TemplafyFromBlank">
    <vt:bool>true</vt:bool>
  </property>
</Properties>
</file>